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2_指標\"/>
    </mc:Choice>
  </mc:AlternateContent>
  <bookViews>
    <workbookView xWindow="0" yWindow="0" windowWidth="13824" windowHeight="5724"/>
  </bookViews>
  <sheets>
    <sheet name="給付 (1)～(4)" sheetId="1" r:id="rId1"/>
    <sheet name="給付（５）" sheetId="6" r:id="rId2"/>
    <sheet name="給付（６）" sheetId="7" r:id="rId3"/>
    <sheet name="給付（７）" sheetId="8" r:id="rId4"/>
    <sheet name="給付（８）" sheetId="9" r:id="rId5"/>
    <sheet name="給付（９）" sheetId="10" r:id="rId6"/>
  </sheets>
  <definedNames>
    <definedName name="_Fill" hidden="1">#REF!</definedName>
    <definedName name="_Key1" localSheetId="0" hidden="1">#REF!</definedName>
    <definedName name="_Key1" hidden="1">#REF!</definedName>
    <definedName name="_Order1" hidden="1">0</definedName>
    <definedName name="\a">#REF!</definedName>
    <definedName name="\b" localSheetId="0">#REF!</definedName>
    <definedName name="\b">#REF!</definedName>
    <definedName name="_xlnm.Print_Area" localSheetId="0">'給付 (1)～(4)'!$A$1:$AR$199</definedName>
    <definedName name="_xlnm.Print_Area" localSheetId="1">'給付（５）'!$A$1:$Q$51</definedName>
    <definedName name="_xlnm.Print_Area" localSheetId="2">'給付（６）'!$A$1:$Q$51</definedName>
    <definedName name="_xlnm.Print_Area" localSheetId="3">'給付（７）'!$A$1:$Q$51</definedName>
    <definedName name="_xlnm.Print_Area" localSheetId="4">'給付（８）'!$A$1:$Q$47</definedName>
    <definedName name="_xlnm.Print_Area" localSheetId="5">'給付（９）'!$A$1:$W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33" uniqueCount="227">
  <si>
    <t>３.　給付（１）　一人当たり医療費の状況(1)</t>
    <rPh sb="14" eb="15">
      <t>イ</t>
    </rPh>
    <phoneticPr fontId="0"/>
  </si>
  <si>
    <t>非表示</t>
    <rPh sb="0" eb="3">
      <t>ヒヒョウジ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</t>
    </r>
    <r>
      <rPr>
        <sz val="11"/>
        <rFont val="ＭＳ Ｐゴシック"/>
        <family val="3"/>
        <charset val="128"/>
      </rPr>
      <t>（１）　一人当たり医療費の状況(2)</t>
    </r>
    <rPh sb="3" eb="5">
      <t>キュウフ</t>
    </rPh>
    <rPh sb="14" eb="15">
      <t>イ</t>
    </rPh>
    <phoneticPr fontId="0"/>
  </si>
  <si>
    <t>保険者名</t>
  </si>
  <si>
    <t>入      院</t>
    <rPh sb="0" eb="1">
      <t>イリ</t>
    </rPh>
    <rPh sb="7" eb="8">
      <t>イン</t>
    </rPh>
    <phoneticPr fontId="0"/>
  </si>
  <si>
    <t>入院外</t>
    <rPh sb="0" eb="2">
      <t>ニュウイン</t>
    </rPh>
    <rPh sb="2" eb="3">
      <t>ガイ</t>
    </rPh>
    <phoneticPr fontId="0"/>
  </si>
  <si>
    <t>歯      科</t>
    <rPh sb="0" eb="1">
      <t>ハ</t>
    </rPh>
    <rPh sb="7" eb="8">
      <t>カ</t>
    </rPh>
    <phoneticPr fontId="0"/>
  </si>
  <si>
    <t>総      計</t>
    <phoneticPr fontId="0"/>
  </si>
  <si>
    <t>総      計</t>
    <phoneticPr fontId="0"/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若人</t>
    <rPh sb="0" eb="2">
      <t>ワコウド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</t>
  </si>
  <si>
    <t>退職者</t>
    <rPh sb="0" eb="2">
      <t>タイショク</t>
    </rPh>
    <rPh sb="2" eb="3">
      <t>シャ</t>
    </rPh>
    <phoneticPr fontId="0"/>
  </si>
  <si>
    <t>円</t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>－</t>
    <phoneticPr fontId="0"/>
  </si>
  <si>
    <t>－</t>
    <phoneticPr fontId="0"/>
  </si>
  <si>
    <t xml:space="preserve"> 医　師</t>
    <phoneticPr fontId="0"/>
  </si>
  <si>
    <t xml:space="preserve"> 歯科医師</t>
    <phoneticPr fontId="0"/>
  </si>
  <si>
    <t xml:space="preserve"> 歯科医師</t>
    <phoneticPr fontId="0"/>
  </si>
  <si>
    <t>－</t>
    <phoneticPr fontId="0"/>
  </si>
  <si>
    <t>－</t>
    <phoneticPr fontId="0"/>
  </si>
  <si>
    <t xml:space="preserve"> 食品衛生</t>
    <phoneticPr fontId="0"/>
  </si>
  <si>
    <t xml:space="preserve"> 食品衛生</t>
    <phoneticPr fontId="0"/>
  </si>
  <si>
    <t xml:space="preserve"> 薬剤師</t>
    <phoneticPr fontId="0"/>
  </si>
  <si>
    <t xml:space="preserve"> 薬剤師</t>
    <phoneticPr fontId="0"/>
  </si>
  <si>
    <t xml:space="preserve"> 薬剤師</t>
    <phoneticPr fontId="0"/>
  </si>
  <si>
    <t xml:space="preserve"> 建設業</t>
    <phoneticPr fontId="0"/>
  </si>
  <si>
    <t>－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－</t>
    <phoneticPr fontId="0"/>
  </si>
  <si>
    <t>町村部平均</t>
  </si>
  <si>
    <t>－</t>
    <phoneticPr fontId="0"/>
  </si>
  <si>
    <t>市町村平均</t>
  </si>
  <si>
    <t>－</t>
    <phoneticPr fontId="0"/>
  </si>
  <si>
    <t>組  合  平  均</t>
    <phoneticPr fontId="0"/>
  </si>
  <si>
    <t>－</t>
    <phoneticPr fontId="0"/>
  </si>
  <si>
    <t>県       平       均</t>
    <phoneticPr fontId="0"/>
  </si>
  <si>
    <t>（注）入院の医療費には食事療養・生活療養、入院外の医療費には調剤の医療費をそれぞれ合算しており、訪問看護及び療養費等は総計のみに計上している。</t>
    <rPh sb="1" eb="2">
      <t>チュウ</t>
    </rPh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2" eb="53">
      <t>オヨ</t>
    </rPh>
    <rPh sb="54" eb="58">
      <t>リョウヨウヒトウ</t>
    </rPh>
    <rPh sb="59" eb="61">
      <t>ソウケイ</t>
    </rPh>
    <rPh sb="64" eb="66">
      <t>ケイジョウ</t>
    </rPh>
    <phoneticPr fontId="0"/>
  </si>
  <si>
    <t>３.　給付（２）　一日当たり医療費の状況(1)</t>
    <rPh sb="14" eb="15">
      <t>イ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２）　一日当たり医療費の状況(</t>
    </r>
    <r>
      <rPr>
        <sz val="11"/>
        <rFont val="ＭＳ Ｐゴシック"/>
        <family val="3"/>
        <charset val="128"/>
      </rPr>
      <t>2)</t>
    </r>
    <rPh sb="14" eb="15">
      <t>イ</t>
    </rPh>
    <phoneticPr fontId="0"/>
  </si>
  <si>
    <t>総      計</t>
    <phoneticPr fontId="0"/>
  </si>
  <si>
    <t>若人</t>
    <rPh sb="0" eb="2">
      <t>ワコウド</t>
    </rPh>
    <phoneticPr fontId="2"/>
  </si>
  <si>
    <t>－</t>
  </si>
  <si>
    <t xml:space="preserve"> 歯科医師</t>
    <phoneticPr fontId="0"/>
  </si>
  <si>
    <t xml:space="preserve"> 食品衛生</t>
    <phoneticPr fontId="0"/>
  </si>
  <si>
    <t xml:space="preserve"> 建設業</t>
    <phoneticPr fontId="0"/>
  </si>
  <si>
    <t xml:space="preserve"> 建設連合</t>
    <phoneticPr fontId="0"/>
  </si>
  <si>
    <t>組  合  平  均</t>
    <phoneticPr fontId="0"/>
  </si>
  <si>
    <t>組  合  平  均</t>
    <phoneticPr fontId="0"/>
  </si>
  <si>
    <t>（注）入院の医療費には食事療養・生活療養、入院外の医療費には調剤の医療費をそれぞれ合算しており、訪問看護は総計のみに計上している。（療養費等は医療費に含まない。)</t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3" eb="55">
      <t>ソウケイ</t>
    </rPh>
    <rPh sb="58" eb="60">
      <t>ケイジョウ</t>
    </rPh>
    <phoneticPr fontId="0"/>
  </si>
  <si>
    <t>３.　給付（３）　一件当たり日数の状況(1)</t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３）　一件当たり日数の状況(</t>
    </r>
    <r>
      <rPr>
        <sz val="11"/>
        <rFont val="ＭＳ Ｐゴシック"/>
        <family val="3"/>
        <charset val="128"/>
      </rPr>
      <t>2)</t>
    </r>
    <phoneticPr fontId="0"/>
  </si>
  <si>
    <t>日</t>
    <rPh sb="0" eb="1">
      <t>ニチ</t>
    </rPh>
    <phoneticPr fontId="0"/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組  合  平  均</t>
    <phoneticPr fontId="0"/>
  </si>
  <si>
    <t>県       平       均</t>
    <phoneticPr fontId="0"/>
  </si>
  <si>
    <t>３.　給付（４）　１００人当たり受診件数の状況(1)</t>
    <phoneticPr fontId="2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４）　１００人当たり受診件数の状況(</t>
    </r>
    <r>
      <rPr>
        <sz val="11"/>
        <rFont val="ＭＳ Ｐゴシック"/>
        <family val="3"/>
        <charset val="128"/>
      </rPr>
      <t>2)</t>
    </r>
    <phoneticPr fontId="0"/>
  </si>
  <si>
    <t>総      計</t>
    <phoneticPr fontId="0"/>
  </si>
  <si>
    <t>件</t>
  </si>
  <si>
    <t xml:space="preserve"> 薬剤師</t>
    <phoneticPr fontId="0"/>
  </si>
  <si>
    <t>－</t>
    <phoneticPr fontId="8"/>
  </si>
  <si>
    <t>県    平    均</t>
    <phoneticPr fontId="8"/>
  </si>
  <si>
    <t>組 合 平 均</t>
    <phoneticPr fontId="8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 xml:space="preserve"> 藤野町</t>
  </si>
  <si>
    <t xml:space="preserve"> 相模湖町</t>
  </si>
  <si>
    <t xml:space="preserve"> 津久井町</t>
  </si>
  <si>
    <t xml:space="preserve"> 城山町</t>
  </si>
  <si>
    <t>伸率%</t>
    <phoneticPr fontId="8"/>
  </si>
  <si>
    <t>位</t>
  </si>
  <si>
    <t>（円）</t>
  </si>
  <si>
    <t>伸率%</t>
  </si>
  <si>
    <t>30→元</t>
    <rPh sb="3" eb="4">
      <t>ガン</t>
    </rPh>
    <phoneticPr fontId="8"/>
  </si>
  <si>
    <t>順</t>
  </si>
  <si>
    <t>費用額</t>
  </si>
  <si>
    <t>28→29</t>
  </si>
  <si>
    <t>27→28</t>
    <phoneticPr fontId="8"/>
  </si>
  <si>
    <t>元年度</t>
    <rPh sb="0" eb="1">
      <t>ガン</t>
    </rPh>
    <phoneticPr fontId="8"/>
  </si>
  <si>
    <t>30年度</t>
    <phoneticPr fontId="8"/>
  </si>
  <si>
    <t>29年度</t>
    <phoneticPr fontId="8"/>
  </si>
  <si>
    <t>28年度</t>
    <phoneticPr fontId="8"/>
  </si>
  <si>
    <t>27年度</t>
    <phoneticPr fontId="8"/>
  </si>
  <si>
    <t>３．給付（５）　一人当たり医療費の推移（一般被保険者分＋退職者医療分）</t>
    <rPh sb="20" eb="22">
      <t>イッパン</t>
    </rPh>
    <rPh sb="22" eb="26">
      <t>ヒホケンシャ</t>
    </rPh>
    <rPh sb="26" eb="27">
      <t>ブン</t>
    </rPh>
    <rPh sb="28" eb="31">
      <t>タイショクシャ</t>
    </rPh>
    <rPh sb="31" eb="33">
      <t>イリョウ</t>
    </rPh>
    <rPh sb="33" eb="34">
      <t>ブン</t>
    </rPh>
    <phoneticPr fontId="8"/>
  </si>
  <si>
    <t>県   平   均</t>
    <phoneticPr fontId="8"/>
  </si>
  <si>
    <t>29→30</t>
    <phoneticPr fontId="8"/>
  </si>
  <si>
    <t>26→27</t>
    <phoneticPr fontId="8"/>
  </si>
  <si>
    <t>３.給付（６）　一人当たり医療費の推移（一般被保険者分）</t>
    <rPh sb="13" eb="15">
      <t>イリョウ</t>
    </rPh>
    <rPh sb="20" eb="22">
      <t>イッパン</t>
    </rPh>
    <rPh sb="22" eb="26">
      <t>ヒホケンシャ</t>
    </rPh>
    <rPh sb="26" eb="27">
      <t>ブン</t>
    </rPh>
    <phoneticPr fontId="8"/>
  </si>
  <si>
    <t>－</t>
    <phoneticPr fontId="8"/>
  </si>
  <si>
    <t>県   平   均</t>
    <phoneticPr fontId="8"/>
  </si>
  <si>
    <t>-</t>
  </si>
  <si>
    <t>組 合 平 均</t>
    <phoneticPr fontId="8"/>
  </si>
  <si>
    <t>29→30</t>
    <phoneticPr fontId="8"/>
  </si>
  <si>
    <t>26→27</t>
    <phoneticPr fontId="8"/>
  </si>
  <si>
    <t>28年度</t>
    <phoneticPr fontId="8"/>
  </si>
  <si>
    <t>27年度</t>
    <phoneticPr fontId="8"/>
  </si>
  <si>
    <t>３.給付（７）　一人当たり医療費の推移（退職者医療分）</t>
    <rPh sb="13" eb="15">
      <t>イリョウ</t>
    </rPh>
    <rPh sb="15" eb="16">
      <t>ヒ</t>
    </rPh>
    <rPh sb="20" eb="23">
      <t>タイショクシャ</t>
    </rPh>
    <rPh sb="23" eb="25">
      <t>イリョウ</t>
    </rPh>
    <rPh sb="25" eb="26">
      <t>ブン</t>
    </rPh>
    <phoneticPr fontId="8"/>
  </si>
  <si>
    <t>３.給付（８）　一人当たり医療費の推移（前期高齢者分）</t>
    <rPh sb="13" eb="15">
      <t>イリョウ</t>
    </rPh>
    <rPh sb="15" eb="16">
      <t>ヒ</t>
    </rPh>
    <phoneticPr fontId="8"/>
  </si>
  <si>
    <t>28年度</t>
    <phoneticPr fontId="8"/>
  </si>
  <si>
    <t>26→27</t>
    <phoneticPr fontId="8"/>
  </si>
  <si>
    <t>29→30</t>
    <phoneticPr fontId="8"/>
  </si>
  <si>
    <t>伸率%</t>
    <phoneticPr fontId="8"/>
  </si>
  <si>
    <t>－</t>
    <phoneticPr fontId="8"/>
  </si>
  <si>
    <t>－</t>
    <phoneticPr fontId="8"/>
  </si>
  <si>
    <t>組 合 平 均</t>
    <phoneticPr fontId="8"/>
  </si>
  <si>
    <t>29年度</t>
    <phoneticPr fontId="8"/>
  </si>
  <si>
    <t>30年度</t>
    <phoneticPr fontId="8"/>
  </si>
  <si>
    <t>27→28</t>
    <phoneticPr fontId="8"/>
  </si>
  <si>
    <t>－</t>
    <phoneticPr fontId="8"/>
  </si>
  <si>
    <t>県   平   均</t>
    <phoneticPr fontId="8"/>
  </si>
  <si>
    <t>28年度</t>
    <phoneticPr fontId="8"/>
  </si>
  <si>
    <t>29年度</t>
    <phoneticPr fontId="8"/>
  </si>
  <si>
    <t>30年度</t>
    <phoneticPr fontId="8"/>
  </si>
  <si>
    <t>27→28</t>
    <phoneticPr fontId="8"/>
  </si>
  <si>
    <t>－</t>
    <phoneticPr fontId="8"/>
  </si>
  <si>
    <t>－</t>
    <phoneticPr fontId="8"/>
  </si>
  <si>
    <t>３.給付（９）　診療報酬明細書点検調査結果</t>
    <rPh sb="14" eb="15">
      <t>ショ</t>
    </rPh>
    <phoneticPr fontId="8"/>
  </si>
  <si>
    <t>過     誤     調     整     額</t>
    <phoneticPr fontId="13"/>
  </si>
  <si>
    <t>第  三  者  求  償  等  返  納  金</t>
    <rPh sb="18" eb="19">
      <t>ヘン</t>
    </rPh>
    <rPh sb="21" eb="22">
      <t>オサム</t>
    </rPh>
    <rPh sb="24" eb="25">
      <t>キン</t>
    </rPh>
    <phoneticPr fontId="13"/>
  </si>
  <si>
    <t>合     計</t>
    <phoneticPr fontId="13"/>
  </si>
  <si>
    <t>事    務    処    理    体    制</t>
    <phoneticPr fontId="13"/>
  </si>
  <si>
    <t>資  格  点  検  分</t>
    <phoneticPr fontId="13"/>
  </si>
  <si>
    <t>内  容  点  検  分</t>
    <phoneticPr fontId="13"/>
  </si>
  <si>
    <t>前年度</t>
  </si>
  <si>
    <t>効果額</t>
  </si>
  <si>
    <t>正職員</t>
  </si>
  <si>
    <t>嘱託職員</t>
  </si>
  <si>
    <t>外部</t>
  </si>
  <si>
    <t>(円）</t>
  </si>
  <si>
    <t>増減額</t>
  </si>
  <si>
    <t>専任</t>
  </si>
  <si>
    <t>兼任</t>
  </si>
  <si>
    <t>経験者</t>
  </si>
  <si>
    <t>その他</t>
  </si>
  <si>
    <t>委託</t>
  </si>
  <si>
    <t xml:space="preserve"> 横浜市</t>
    <phoneticPr fontId="13"/>
  </si>
  <si>
    <t xml:space="preserve"> 川崎市</t>
    <phoneticPr fontId="13"/>
  </si>
  <si>
    <t xml:space="preserve"> 横須賀市</t>
    <phoneticPr fontId="13"/>
  </si>
  <si>
    <t xml:space="preserve"> 平塚市</t>
    <phoneticPr fontId="13"/>
  </si>
  <si>
    <t xml:space="preserve"> 鎌倉市</t>
    <phoneticPr fontId="13"/>
  </si>
  <si>
    <t xml:space="preserve"> 藤沢市</t>
    <phoneticPr fontId="13"/>
  </si>
  <si>
    <t>2</t>
  </si>
  <si>
    <t xml:space="preserve"> 小田原市</t>
    <phoneticPr fontId="13"/>
  </si>
  <si>
    <t xml:space="preserve"> 茅ヶ崎市</t>
    <phoneticPr fontId="13"/>
  </si>
  <si>
    <t xml:space="preserve"> 逗子市</t>
    <phoneticPr fontId="13"/>
  </si>
  <si>
    <t xml:space="preserve"> 相模原市</t>
    <phoneticPr fontId="13"/>
  </si>
  <si>
    <t xml:space="preserve"> 三浦市</t>
    <phoneticPr fontId="13"/>
  </si>
  <si>
    <t xml:space="preserve"> 秦野市</t>
    <phoneticPr fontId="13"/>
  </si>
  <si>
    <t xml:space="preserve"> 厚木市</t>
    <phoneticPr fontId="13"/>
  </si>
  <si>
    <t xml:space="preserve"> 大和市</t>
    <phoneticPr fontId="13"/>
  </si>
  <si>
    <t xml:space="preserve"> 伊勢原市</t>
    <phoneticPr fontId="13"/>
  </si>
  <si>
    <t xml:space="preserve"> 海老名市</t>
    <phoneticPr fontId="13"/>
  </si>
  <si>
    <t xml:space="preserve"> 座間市</t>
    <phoneticPr fontId="13"/>
  </si>
  <si>
    <t xml:space="preserve"> 南足柄市</t>
    <phoneticPr fontId="13"/>
  </si>
  <si>
    <t xml:space="preserve"> 葉山町</t>
    <phoneticPr fontId="13"/>
  </si>
  <si>
    <t xml:space="preserve"> 寒川町</t>
    <phoneticPr fontId="13"/>
  </si>
  <si>
    <t xml:space="preserve"> 綾瀬市</t>
    <phoneticPr fontId="13"/>
  </si>
  <si>
    <t xml:space="preserve"> 大磯町</t>
    <phoneticPr fontId="13"/>
  </si>
  <si>
    <t xml:space="preserve"> 二宮町</t>
    <phoneticPr fontId="13"/>
  </si>
  <si>
    <t xml:space="preserve"> 中井町</t>
    <phoneticPr fontId="13"/>
  </si>
  <si>
    <t xml:space="preserve"> 大井町</t>
    <phoneticPr fontId="13"/>
  </si>
  <si>
    <t xml:space="preserve"> 松田町</t>
    <phoneticPr fontId="13"/>
  </si>
  <si>
    <t xml:space="preserve"> 山北町</t>
    <phoneticPr fontId="13"/>
  </si>
  <si>
    <t xml:space="preserve"> 開成町  </t>
    <phoneticPr fontId="13"/>
  </si>
  <si>
    <t xml:space="preserve"> 箱根町</t>
    <phoneticPr fontId="13"/>
  </si>
  <si>
    <t xml:space="preserve"> 真鶴町</t>
    <phoneticPr fontId="13"/>
  </si>
  <si>
    <t xml:space="preserve"> 湯河原町</t>
    <phoneticPr fontId="13"/>
  </si>
  <si>
    <t xml:space="preserve"> 愛川町</t>
    <phoneticPr fontId="13"/>
  </si>
  <si>
    <t xml:space="preserve"> 清川村</t>
    <phoneticPr fontId="13"/>
  </si>
  <si>
    <t xml:space="preserve"> 医 師</t>
    <phoneticPr fontId="13"/>
  </si>
  <si>
    <t xml:space="preserve"> 歯科医師</t>
    <phoneticPr fontId="13"/>
  </si>
  <si>
    <t xml:space="preserve"> 食品衛生</t>
    <phoneticPr fontId="13"/>
  </si>
  <si>
    <t xml:space="preserve"> 薬剤師</t>
    <phoneticPr fontId="13"/>
  </si>
  <si>
    <t xml:space="preserve"> 建設業</t>
    <phoneticPr fontId="13"/>
  </si>
  <si>
    <t xml:space="preserve"> 建設連合</t>
    <phoneticPr fontId="13"/>
  </si>
  <si>
    <t>市町村平均</t>
    <phoneticPr fontId="13"/>
  </si>
  <si>
    <t>-</t>
    <phoneticPr fontId="1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.000;[Red]\-#,##0.000"/>
    <numFmt numFmtId="177" formatCode="#,##0.00_ "/>
    <numFmt numFmtId="178" formatCode="#,##0_);[Red]\(#,##0\)"/>
    <numFmt numFmtId="179" formatCode="#,##0_ ;[Red]\-#,##0\ "/>
  </numFmts>
  <fonts count="2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color indexed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8"/>
      <color rgb="FFFF0000"/>
      <name val="ＭＳ Ｐゴシック"/>
      <family val="3"/>
      <charset val="128"/>
    </font>
    <font>
      <sz val="6"/>
      <name val="ＭＳ 明朝"/>
      <family val="1"/>
      <charset val="128"/>
    </font>
    <font>
      <sz val="9"/>
      <color indexed="10"/>
      <name val="ＭＳ Ｐゴシック"/>
      <family val="3"/>
      <charset val="128"/>
    </font>
    <font>
      <sz val="9"/>
      <color indexed="8"/>
      <name val="ＭＳ ゴシック"/>
      <family val="3"/>
      <charset val="128"/>
    </font>
    <font>
      <sz val="10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41"/>
        <bgColor indexed="64"/>
      </patternFill>
    </fill>
  </fills>
  <borders count="10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double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7" fillId="0" borderId="0"/>
    <xf numFmtId="0" fontId="7" fillId="0" borderId="0"/>
  </cellStyleXfs>
  <cellXfs count="466">
    <xf numFmtId="0" fontId="0" fillId="0" borderId="0" xfId="0"/>
    <xf numFmtId="0" fontId="0" fillId="0" borderId="0" xfId="0" applyBorder="1" applyAlignment="1"/>
    <xf numFmtId="0" fontId="3" fillId="0" borderId="0" xfId="0" applyFont="1" applyBorder="1" applyAlignment="1"/>
    <xf numFmtId="0" fontId="3" fillId="0" borderId="0" xfId="0" applyFont="1" applyBorder="1" applyAlignment="1">
      <alignment horizontal="centerContinuous"/>
    </xf>
    <xf numFmtId="49" fontId="0" fillId="0" borderId="0" xfId="0" applyNumberFormat="1" applyBorder="1" applyAlignment="1">
      <alignment horizontal="left"/>
    </xf>
    <xf numFmtId="0" fontId="1" fillId="0" borderId="0" xfId="0" applyFont="1" applyBorder="1" applyAlignment="1"/>
    <xf numFmtId="0" fontId="3" fillId="0" borderId="1" xfId="0" applyFont="1" applyBorder="1" applyAlignment="1">
      <alignment horizontal="centerContinuous"/>
    </xf>
    <xf numFmtId="0" fontId="3" fillId="0" borderId="0" xfId="0" applyFont="1" applyAlignment="1"/>
    <xf numFmtId="0" fontId="5" fillId="0" borderId="16" xfId="0" applyFont="1" applyBorder="1" applyAlignment="1">
      <alignment horizontal="center"/>
    </xf>
    <xf numFmtId="0" fontId="5" fillId="0" borderId="17" xfId="0" applyFont="1" applyBorder="1" applyAlignment="1">
      <alignment horizontal="center"/>
    </xf>
    <xf numFmtId="0" fontId="5" fillId="0" borderId="18" xfId="0" applyFont="1" applyBorder="1" applyAlignment="1">
      <alignment horizontal="center"/>
    </xf>
    <xf numFmtId="0" fontId="5" fillId="3" borderId="16" xfId="0" applyFont="1" applyFill="1" applyBorder="1" applyAlignment="1">
      <alignment horizontal="center"/>
    </xf>
    <xf numFmtId="0" fontId="5" fillId="3" borderId="17" xfId="0" applyFont="1" applyFill="1" applyBorder="1" applyAlignment="1">
      <alignment horizontal="center"/>
    </xf>
    <xf numFmtId="0" fontId="5" fillId="0" borderId="19" xfId="0" applyFont="1" applyBorder="1" applyAlignment="1">
      <alignment horizontal="center"/>
    </xf>
    <xf numFmtId="38" fontId="5" fillId="0" borderId="9" xfId="1" applyFont="1" applyBorder="1" applyAlignment="1" applyProtection="1"/>
    <xf numFmtId="38" fontId="6" fillId="0" borderId="21" xfId="1" applyFont="1" applyBorder="1" applyAlignment="1"/>
    <xf numFmtId="38" fontId="5" fillId="0" borderId="21" xfId="1" applyFont="1" applyBorder="1" applyAlignment="1"/>
    <xf numFmtId="38" fontId="5" fillId="3" borderId="21" xfId="1" applyFont="1" applyFill="1" applyBorder="1" applyAlignment="1"/>
    <xf numFmtId="38" fontId="5" fillId="0" borderId="12" xfId="1" applyFont="1" applyBorder="1" applyAlignment="1"/>
    <xf numFmtId="38" fontId="5" fillId="0" borderId="10" xfId="1" applyFont="1" applyBorder="1" applyAlignment="1"/>
    <xf numFmtId="0" fontId="5" fillId="0" borderId="22" xfId="0" applyFont="1" applyBorder="1" applyAlignment="1"/>
    <xf numFmtId="38" fontId="5" fillId="0" borderId="23" xfId="1" applyFont="1" applyBorder="1" applyAlignment="1" applyProtection="1"/>
    <xf numFmtId="38" fontId="5" fillId="0" borderId="24" xfId="1" applyFont="1" applyBorder="1" applyAlignment="1"/>
    <xf numFmtId="38" fontId="5" fillId="0" borderId="11" xfId="1" applyFont="1" applyBorder="1" applyAlignment="1"/>
    <xf numFmtId="38" fontId="5" fillId="0" borderId="25" xfId="1" applyFont="1" applyBorder="1" applyAlignment="1"/>
    <xf numFmtId="38" fontId="5" fillId="0" borderId="26" xfId="1" applyFont="1" applyBorder="1" applyAlignment="1"/>
    <xf numFmtId="0" fontId="5" fillId="0" borderId="27" xfId="0" applyFont="1" applyBorder="1" applyAlignment="1"/>
    <xf numFmtId="0" fontId="5" fillId="0" borderId="24" xfId="0" applyFont="1" applyBorder="1" applyAlignment="1"/>
    <xf numFmtId="38" fontId="5" fillId="0" borderId="28" xfId="1" applyFont="1" applyBorder="1" applyAlignment="1" applyProtection="1"/>
    <xf numFmtId="38" fontId="6" fillId="0" borderId="16" xfId="1" applyFont="1" applyBorder="1" applyAlignment="1"/>
    <xf numFmtId="38" fontId="5" fillId="0" borderId="16" xfId="1" applyFont="1" applyBorder="1" applyAlignment="1"/>
    <xf numFmtId="38" fontId="5" fillId="3" borderId="16" xfId="1" applyFont="1" applyFill="1" applyBorder="1" applyAlignment="1"/>
    <xf numFmtId="38" fontId="5" fillId="0" borderId="19" xfId="1" applyFont="1" applyBorder="1" applyAlignment="1"/>
    <xf numFmtId="38" fontId="5" fillId="0" borderId="18" xfId="1" applyFont="1" applyBorder="1" applyAlignment="1"/>
    <xf numFmtId="0" fontId="5" fillId="0" borderId="29" xfId="0" applyFont="1" applyBorder="1" applyAlignment="1"/>
    <xf numFmtId="38" fontId="5" fillId="0" borderId="30" xfId="1" applyFont="1" applyBorder="1" applyAlignment="1" applyProtection="1"/>
    <xf numFmtId="38" fontId="6" fillId="0" borderId="31" xfId="1" applyFont="1" applyBorder="1" applyAlignment="1" applyProtection="1">
      <alignment horizontal="left"/>
    </xf>
    <xf numFmtId="38" fontId="5" fillId="0" borderId="31" xfId="1" applyFont="1" applyBorder="1" applyAlignment="1"/>
    <xf numFmtId="38" fontId="5" fillId="0" borderId="31" xfId="1" applyFont="1" applyBorder="1" applyAlignment="1" applyProtection="1">
      <alignment horizontal="center"/>
    </xf>
    <xf numFmtId="38" fontId="5" fillId="3" borderId="31" xfId="1" applyFont="1" applyFill="1" applyBorder="1" applyAlignment="1"/>
    <xf numFmtId="38" fontId="5" fillId="0" borderId="32" xfId="1" applyFont="1" applyBorder="1" applyAlignment="1"/>
    <xf numFmtId="0" fontId="5" fillId="0" borderId="31" xfId="0" applyFont="1" applyBorder="1" applyAlignment="1">
      <alignment horizontal="center"/>
    </xf>
    <xf numFmtId="38" fontId="5" fillId="0" borderId="26" xfId="1" applyFont="1" applyBorder="1" applyAlignment="1" applyProtection="1">
      <alignment horizontal="left"/>
    </xf>
    <xf numFmtId="0" fontId="5" fillId="0" borderId="33" xfId="0" applyFont="1" applyBorder="1" applyAlignment="1">
      <alignment horizontal="center"/>
    </xf>
    <xf numFmtId="38" fontId="5" fillId="3" borderId="26" xfId="1" applyFont="1" applyFill="1" applyBorder="1" applyAlignment="1"/>
    <xf numFmtId="38" fontId="5" fillId="0" borderId="22" xfId="1" applyFont="1" applyBorder="1" applyAlignment="1"/>
    <xf numFmtId="0" fontId="5" fillId="0" borderId="26" xfId="0" applyFont="1" applyBorder="1" applyAlignment="1">
      <alignment horizontal="center"/>
    </xf>
    <xf numFmtId="38" fontId="5" fillId="0" borderId="34" xfId="1" applyFont="1" applyBorder="1" applyAlignment="1"/>
    <xf numFmtId="38" fontId="6" fillId="0" borderId="26" xfId="1" applyFont="1" applyBorder="1" applyAlignment="1" applyProtection="1">
      <alignment horizontal="left"/>
    </xf>
    <xf numFmtId="38" fontId="5" fillId="0" borderId="21" xfId="1" applyFont="1" applyBorder="1" applyAlignment="1" applyProtection="1">
      <alignment horizontal="center"/>
    </xf>
    <xf numFmtId="0" fontId="5" fillId="0" borderId="21" xfId="0" applyFont="1" applyBorder="1" applyAlignment="1">
      <alignment horizontal="center"/>
    </xf>
    <xf numFmtId="38" fontId="5" fillId="0" borderId="14" xfId="1" applyFont="1" applyBorder="1" applyAlignment="1" applyProtection="1"/>
    <xf numFmtId="38" fontId="6" fillId="0" borderId="35" xfId="1" applyFont="1" applyBorder="1" applyAlignment="1" applyProtection="1">
      <alignment horizontal="left"/>
    </xf>
    <xf numFmtId="38" fontId="5" fillId="0" borderId="16" xfId="1" applyFont="1" applyBorder="1" applyAlignment="1" applyProtection="1">
      <alignment horizontal="center"/>
    </xf>
    <xf numFmtId="38" fontId="5" fillId="0" borderId="35" xfId="1" applyFont="1" applyBorder="1" applyAlignment="1" applyProtection="1">
      <alignment horizontal="left"/>
    </xf>
    <xf numFmtId="38" fontId="5" fillId="0" borderId="38" xfId="1" applyFont="1" applyBorder="1" applyAlignment="1" applyProtection="1">
      <alignment horizontal="center"/>
    </xf>
    <xf numFmtId="38" fontId="5" fillId="0" borderId="35" xfId="1" applyFont="1" applyBorder="1" applyAlignment="1"/>
    <xf numFmtId="38" fontId="5" fillId="3" borderId="38" xfId="1" applyFont="1" applyFill="1" applyBorder="1" applyAlignment="1" applyProtection="1">
      <alignment horizontal="center"/>
    </xf>
    <xf numFmtId="38" fontId="5" fillId="0" borderId="39" xfId="1" applyFont="1" applyBorder="1" applyAlignment="1"/>
    <xf numFmtId="38" fontId="5" fillId="0" borderId="40" xfId="1" applyFont="1" applyBorder="1" applyAlignment="1" applyProtection="1">
      <alignment horizontal="center"/>
    </xf>
    <xf numFmtId="38" fontId="5" fillId="0" borderId="38" xfId="1" applyFont="1" applyBorder="1" applyAlignment="1"/>
    <xf numFmtId="0" fontId="5" fillId="0" borderId="40" xfId="0" applyFont="1" applyBorder="1" applyAlignment="1">
      <alignment horizontal="center"/>
    </xf>
    <xf numFmtId="0" fontId="5" fillId="0" borderId="38" xfId="0" applyFont="1" applyBorder="1" applyAlignment="1">
      <alignment horizontal="center"/>
    </xf>
    <xf numFmtId="0" fontId="5" fillId="0" borderId="42" xfId="0" applyFont="1" applyBorder="1" applyAlignment="1">
      <alignment horizontal="center"/>
    </xf>
    <xf numFmtId="38" fontId="5" fillId="0" borderId="33" xfId="1" applyFont="1" applyBorder="1" applyAlignment="1"/>
    <xf numFmtId="38" fontId="5" fillId="0" borderId="45" xfId="1" applyFont="1" applyBorder="1" applyAlignment="1"/>
    <xf numFmtId="38" fontId="5" fillId="0" borderId="46" xfId="1" applyFont="1" applyBorder="1" applyAlignment="1" applyProtection="1">
      <alignment horizontal="center"/>
    </xf>
    <xf numFmtId="38" fontId="5" fillId="0" borderId="47" xfId="1" applyFont="1" applyBorder="1" applyAlignment="1"/>
    <xf numFmtId="38" fontId="5" fillId="3" borderId="45" xfId="1" applyFont="1" applyFill="1" applyBorder="1" applyAlignment="1"/>
    <xf numFmtId="38" fontId="5" fillId="3" borderId="46" xfId="1" applyFont="1" applyFill="1" applyBorder="1" applyAlignment="1" applyProtection="1">
      <alignment horizontal="center"/>
    </xf>
    <xf numFmtId="38" fontId="5" fillId="0" borderId="46" xfId="1" applyFont="1" applyBorder="1" applyAlignment="1"/>
    <xf numFmtId="38" fontId="5" fillId="0" borderId="48" xfId="1" applyFont="1" applyBorder="1" applyAlignment="1" applyProtection="1">
      <alignment horizontal="center"/>
    </xf>
    <xf numFmtId="0" fontId="5" fillId="0" borderId="46" xfId="0" applyFont="1" applyBorder="1" applyAlignment="1">
      <alignment horizontal="center"/>
    </xf>
    <xf numFmtId="0" fontId="5" fillId="0" borderId="48" xfId="0" applyFont="1" applyBorder="1" applyAlignment="1">
      <alignment horizontal="center"/>
    </xf>
    <xf numFmtId="49" fontId="3" fillId="0" borderId="0" xfId="0" applyNumberFormat="1" applyFont="1" applyAlignment="1"/>
    <xf numFmtId="0" fontId="3" fillId="3" borderId="0" xfId="0" applyFont="1" applyFill="1" applyBorder="1" applyAlignment="1">
      <alignment horizontal="centerContinuous"/>
    </xf>
    <xf numFmtId="0" fontId="0" fillId="0" borderId="0" xfId="0" applyBorder="1" applyAlignment="1">
      <alignment horizontal="left"/>
    </xf>
    <xf numFmtId="0" fontId="1" fillId="0" borderId="0" xfId="0" applyFont="1" applyBorder="1" applyAlignment="1">
      <alignment horizontal="left"/>
    </xf>
    <xf numFmtId="0" fontId="5" fillId="0" borderId="12" xfId="0" applyFont="1" applyBorder="1" applyAlignment="1"/>
    <xf numFmtId="38" fontId="5" fillId="0" borderId="26" xfId="1" applyFont="1" applyBorder="1" applyAlignment="1" applyProtection="1">
      <alignment horizontal="center"/>
    </xf>
    <xf numFmtId="38" fontId="5" fillId="3" borderId="46" xfId="1" applyFont="1" applyFill="1" applyBorder="1" applyAlignment="1"/>
    <xf numFmtId="0" fontId="3" fillId="0" borderId="0" xfId="0" applyFont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38" fontId="5" fillId="0" borderId="50" xfId="1" applyFont="1" applyBorder="1" applyAlignment="1" applyProtection="1"/>
    <xf numFmtId="176" fontId="5" fillId="0" borderId="21" xfId="1" applyNumberFormat="1" applyFont="1" applyBorder="1" applyAlignment="1"/>
    <xf numFmtId="176" fontId="5" fillId="3" borderId="21" xfId="1" applyNumberFormat="1" applyFont="1" applyFill="1" applyBorder="1" applyAlignment="1"/>
    <xf numFmtId="176" fontId="5" fillId="0" borderId="16" xfId="1" applyNumberFormat="1" applyFont="1" applyBorder="1" applyAlignment="1"/>
    <xf numFmtId="176" fontId="5" fillId="3" borderId="16" xfId="1" applyNumberFormat="1" applyFont="1" applyFill="1" applyBorder="1" applyAlignment="1"/>
    <xf numFmtId="176" fontId="5" fillId="0" borderId="25" xfId="1" applyNumberFormat="1" applyFont="1" applyBorder="1" applyAlignment="1"/>
    <xf numFmtId="176" fontId="5" fillId="0" borderId="26" xfId="1" applyNumberFormat="1" applyFont="1" applyBorder="1" applyAlignment="1"/>
    <xf numFmtId="176" fontId="5" fillId="3" borderId="26" xfId="1" applyNumberFormat="1" applyFont="1" applyFill="1" applyBorder="1" applyAlignment="1"/>
    <xf numFmtId="176" fontId="5" fillId="0" borderId="31" xfId="1" applyNumberFormat="1" applyFont="1" applyBorder="1" applyAlignment="1"/>
    <xf numFmtId="176" fontId="5" fillId="0" borderId="35" xfId="1" applyNumberFormat="1" applyFont="1" applyBorder="1" applyAlignment="1"/>
    <xf numFmtId="38" fontId="5" fillId="3" borderId="16" xfId="1" applyFont="1" applyFill="1" applyBorder="1" applyAlignment="1" applyProtection="1">
      <alignment horizontal="center"/>
    </xf>
    <xf numFmtId="176" fontId="5" fillId="0" borderId="38" xfId="1" applyNumberFormat="1" applyFont="1" applyBorder="1" applyAlignment="1"/>
    <xf numFmtId="176" fontId="5" fillId="0" borderId="39" xfId="1" applyNumberFormat="1" applyFont="1" applyBorder="1" applyAlignment="1"/>
    <xf numFmtId="176" fontId="5" fillId="0" borderId="33" xfId="1" applyNumberFormat="1" applyFont="1" applyBorder="1" applyAlignment="1"/>
    <xf numFmtId="38" fontId="5" fillId="0" borderId="42" xfId="1" applyFont="1" applyBorder="1" applyAlignment="1" applyProtection="1">
      <alignment horizontal="center"/>
    </xf>
    <xf numFmtId="176" fontId="5" fillId="0" borderId="45" xfId="1" applyNumberFormat="1" applyFont="1" applyBorder="1" applyAlignment="1"/>
    <xf numFmtId="176" fontId="5" fillId="3" borderId="45" xfId="1" applyNumberFormat="1" applyFont="1" applyFill="1" applyBorder="1" applyAlignment="1"/>
    <xf numFmtId="176" fontId="5" fillId="0" borderId="46" xfId="1" applyNumberFormat="1" applyFont="1" applyBorder="1" applyAlignment="1"/>
    <xf numFmtId="176" fontId="5" fillId="0" borderId="47" xfId="1" applyNumberFormat="1" applyFont="1" applyBorder="1" applyAlignment="1"/>
    <xf numFmtId="176" fontId="3" fillId="0" borderId="0" xfId="0" applyNumberFormat="1" applyFont="1" applyBorder="1" applyAlignment="1">
      <alignment horizontal="centerContinuous"/>
    </xf>
    <xf numFmtId="176" fontId="3" fillId="3" borderId="0" xfId="0" applyNumberFormat="1" applyFont="1" applyFill="1" applyBorder="1" applyAlignment="1">
      <alignment horizontal="centerContinuous"/>
    </xf>
    <xf numFmtId="0" fontId="5" fillId="0" borderId="0" xfId="0" applyFont="1" applyAlignment="1"/>
    <xf numFmtId="0" fontId="5" fillId="3" borderId="0" xfId="0" applyFont="1" applyFill="1" applyAlignment="1"/>
    <xf numFmtId="0" fontId="5" fillId="0" borderId="3" xfId="0" applyFont="1" applyBorder="1" applyAlignment="1"/>
    <xf numFmtId="0" fontId="5" fillId="0" borderId="0" xfId="0" applyFont="1" applyBorder="1" applyAlignment="1"/>
    <xf numFmtId="0" fontId="3" fillId="3" borderId="0" xfId="0" applyFont="1" applyFill="1" applyAlignment="1"/>
    <xf numFmtId="38" fontId="5" fillId="0" borderId="0" xfId="2" applyFont="1"/>
    <xf numFmtId="38" fontId="5" fillId="0" borderId="26" xfId="2" applyFont="1" applyBorder="1"/>
    <xf numFmtId="4" fontId="5" fillId="0" borderId="48" xfId="2" applyNumberFormat="1" applyFont="1" applyBorder="1"/>
    <xf numFmtId="38" fontId="5" fillId="0" borderId="46" xfId="2" applyFont="1" applyBorder="1" applyAlignment="1">
      <alignment horizontal="right"/>
    </xf>
    <xf numFmtId="38" fontId="5" fillId="0" borderId="46" xfId="2" quotePrefix="1" applyFont="1" applyBorder="1"/>
    <xf numFmtId="177" fontId="5" fillId="0" borderId="46" xfId="2" applyNumberFormat="1" applyFont="1" applyBorder="1"/>
    <xf numFmtId="38" fontId="5" fillId="0" borderId="46" xfId="2" applyNumberFormat="1" applyFont="1" applyBorder="1" applyAlignment="1">
      <alignment horizontal="right"/>
    </xf>
    <xf numFmtId="38" fontId="5" fillId="0" borderId="46" xfId="2" applyNumberFormat="1" applyFont="1" applyBorder="1"/>
    <xf numFmtId="4" fontId="5" fillId="0" borderId="46" xfId="2" applyNumberFormat="1" applyFont="1" applyBorder="1"/>
    <xf numFmtId="38" fontId="5" fillId="0" borderId="46" xfId="2" applyFont="1" applyBorder="1"/>
    <xf numFmtId="40" fontId="5" fillId="0" borderId="46" xfId="2" applyNumberFormat="1" applyFont="1" applyBorder="1" applyAlignment="1">
      <alignment horizontal="right"/>
    </xf>
    <xf numFmtId="40" fontId="5" fillId="0" borderId="46" xfId="2" applyNumberFormat="1" applyFont="1" applyBorder="1"/>
    <xf numFmtId="38" fontId="5" fillId="0" borderId="46" xfId="2" applyFont="1" applyBorder="1" applyAlignment="1">
      <alignment horizontal="center"/>
    </xf>
    <xf numFmtId="178" fontId="5" fillId="0" borderId="46" xfId="2" applyNumberFormat="1" applyFont="1" applyBorder="1" applyAlignment="1">
      <alignment horizontal="center"/>
    </xf>
    <xf numFmtId="178" fontId="5" fillId="0" borderId="46" xfId="2" applyNumberFormat="1" applyFont="1" applyBorder="1"/>
    <xf numFmtId="4" fontId="5" fillId="0" borderId="40" xfId="2" applyNumberFormat="1" applyFont="1" applyBorder="1"/>
    <xf numFmtId="38" fontId="5" fillId="0" borderId="38" xfId="2" applyFont="1" applyBorder="1" applyAlignment="1">
      <alignment horizontal="right"/>
    </xf>
    <xf numFmtId="38" fontId="5" fillId="0" borderId="38" xfId="2" quotePrefix="1" applyFont="1" applyBorder="1"/>
    <xf numFmtId="177" fontId="5" fillId="0" borderId="38" xfId="2" applyNumberFormat="1" applyFont="1" applyBorder="1"/>
    <xf numFmtId="38" fontId="5" fillId="0" borderId="38" xfId="2" applyNumberFormat="1" applyFont="1" applyBorder="1" applyAlignment="1">
      <alignment horizontal="right"/>
    </xf>
    <xf numFmtId="38" fontId="5" fillId="0" borderId="38" xfId="2" applyNumberFormat="1" applyFont="1" applyBorder="1"/>
    <xf numFmtId="4" fontId="5" fillId="0" borderId="38" xfId="2" applyNumberFormat="1" applyFont="1" applyBorder="1"/>
    <xf numFmtId="38" fontId="5" fillId="0" borderId="38" xfId="2" applyFont="1" applyBorder="1"/>
    <xf numFmtId="40" fontId="5" fillId="0" borderId="38" xfId="2" applyNumberFormat="1" applyFont="1" applyBorder="1" applyAlignment="1">
      <alignment horizontal="right"/>
    </xf>
    <xf numFmtId="40" fontId="5" fillId="0" borderId="38" xfId="2" applyNumberFormat="1" applyFont="1" applyBorder="1"/>
    <xf numFmtId="38" fontId="5" fillId="0" borderId="38" xfId="2" applyFont="1" applyBorder="1" applyAlignment="1">
      <alignment horizontal="center"/>
    </xf>
    <xf numFmtId="178" fontId="5" fillId="0" borderId="38" xfId="2" applyNumberFormat="1" applyFont="1" applyBorder="1" applyAlignment="1">
      <alignment horizontal="center"/>
    </xf>
    <xf numFmtId="178" fontId="5" fillId="0" borderId="38" xfId="2" applyNumberFormat="1" applyFont="1" applyBorder="1"/>
    <xf numFmtId="4" fontId="5" fillId="0" borderId="42" xfId="2" applyNumberFormat="1" applyFont="1" applyBorder="1"/>
    <xf numFmtId="38" fontId="5" fillId="0" borderId="16" xfId="2" applyFont="1" applyBorder="1"/>
    <xf numFmtId="38" fontId="5" fillId="0" borderId="21" xfId="2" quotePrefix="1" applyFont="1" applyBorder="1"/>
    <xf numFmtId="177" fontId="5" fillId="0" borderId="16" xfId="2" applyNumberFormat="1" applyFont="1" applyBorder="1"/>
    <xf numFmtId="38" fontId="5" fillId="0" borderId="16" xfId="2" applyNumberFormat="1" applyFont="1" applyBorder="1"/>
    <xf numFmtId="4" fontId="5" fillId="0" borderId="16" xfId="2" applyNumberFormat="1" applyFont="1" applyBorder="1"/>
    <xf numFmtId="178" fontId="5" fillId="0" borderId="16" xfId="2" applyNumberFormat="1" applyFont="1" applyBorder="1"/>
    <xf numFmtId="38" fontId="5" fillId="0" borderId="28" xfId="2" applyFont="1" applyBorder="1"/>
    <xf numFmtId="4" fontId="5" fillId="0" borderId="24" xfId="2" applyNumberFormat="1" applyFont="1" applyBorder="1"/>
    <xf numFmtId="38" fontId="5" fillId="0" borderId="21" xfId="2" applyFont="1" applyBorder="1"/>
    <xf numFmtId="177" fontId="5" fillId="0" borderId="21" xfId="2" applyNumberFormat="1" applyFont="1" applyBorder="1"/>
    <xf numFmtId="38" fontId="5" fillId="0" borderId="21" xfId="2" applyNumberFormat="1" applyFont="1" applyBorder="1"/>
    <xf numFmtId="4" fontId="5" fillId="0" borderId="21" xfId="2" applyNumberFormat="1" applyFont="1" applyBorder="1"/>
    <xf numFmtId="178" fontId="5" fillId="0" borderId="21" xfId="2" applyNumberFormat="1" applyFont="1" applyBorder="1"/>
    <xf numFmtId="38" fontId="5" fillId="0" borderId="23" xfId="2" applyFont="1" applyBorder="1"/>
    <xf numFmtId="4" fontId="5" fillId="0" borderId="53" xfId="2" applyNumberFormat="1" applyFont="1" applyBorder="1"/>
    <xf numFmtId="38" fontId="5" fillId="0" borderId="31" xfId="2" applyFont="1" applyBorder="1"/>
    <xf numFmtId="38" fontId="5" fillId="0" borderId="31" xfId="2" quotePrefix="1" applyFont="1" applyBorder="1"/>
    <xf numFmtId="177" fontId="5" fillId="0" borderId="31" xfId="2" applyNumberFormat="1" applyFont="1" applyBorder="1"/>
    <xf numFmtId="38" fontId="5" fillId="0" borderId="31" xfId="2" applyNumberFormat="1" applyFont="1" applyBorder="1"/>
    <xf numFmtId="4" fontId="5" fillId="0" borderId="31" xfId="2" applyNumberFormat="1" applyFont="1" applyBorder="1"/>
    <xf numFmtId="38" fontId="5" fillId="0" borderId="50" xfId="2" applyFont="1" applyBorder="1"/>
    <xf numFmtId="38" fontId="5" fillId="0" borderId="38" xfId="2" quotePrefix="1" applyFont="1" applyBorder="1" applyAlignment="1">
      <alignment horizontal="center"/>
    </xf>
    <xf numFmtId="4" fontId="5" fillId="0" borderId="38" xfId="2" quotePrefix="1" applyNumberFormat="1" applyFont="1" applyBorder="1" applyAlignment="1">
      <alignment horizontal="center"/>
    </xf>
    <xf numFmtId="40" fontId="5" fillId="0" borderId="38" xfId="2" quotePrefix="1" applyNumberFormat="1" applyFont="1" applyBorder="1" applyAlignment="1">
      <alignment horizontal="center"/>
    </xf>
    <xf numFmtId="38" fontId="5" fillId="0" borderId="38" xfId="2" quotePrefix="1" applyNumberFormat="1" applyFont="1" applyBorder="1" applyAlignment="1">
      <alignment horizontal="center"/>
    </xf>
    <xf numFmtId="38" fontId="5" fillId="0" borderId="38" xfId="2" applyNumberFormat="1" applyFont="1" applyBorder="1" applyAlignment="1">
      <alignment horizontal="center"/>
    </xf>
    <xf numFmtId="40" fontId="5" fillId="0" borderId="38" xfId="2" applyNumberFormat="1" applyFont="1" applyBorder="1" applyAlignment="1">
      <alignment horizontal="center"/>
    </xf>
    <xf numFmtId="38" fontId="5" fillId="0" borderId="52" xfId="2" applyFont="1" applyBorder="1"/>
    <xf numFmtId="38" fontId="5" fillId="0" borderId="54" xfId="2" applyFont="1" applyBorder="1"/>
    <xf numFmtId="38" fontId="5" fillId="0" borderId="0" xfId="2" applyFont="1" applyBorder="1"/>
    <xf numFmtId="38" fontId="5" fillId="0" borderId="55" xfId="2" applyFont="1" applyBorder="1" applyAlignment="1">
      <alignment horizontal="centerContinuous"/>
    </xf>
    <xf numFmtId="38" fontId="9" fillId="0" borderId="26" xfId="2" applyFont="1" applyFill="1" applyBorder="1" applyAlignment="1">
      <alignment horizontal="center"/>
    </xf>
    <xf numFmtId="38" fontId="5" fillId="0" borderId="26" xfId="2" applyFont="1" applyBorder="1" applyAlignment="1">
      <alignment horizontal="center"/>
    </xf>
    <xf numFmtId="38" fontId="5" fillId="0" borderId="26" xfId="2" applyFont="1" applyBorder="1" applyAlignment="1">
      <alignment horizontal="centerContinuous"/>
    </xf>
    <xf numFmtId="38" fontId="5" fillId="0" borderId="26" xfId="2" applyFont="1" applyBorder="1" applyAlignment="1">
      <alignment horizontal="center" vertical="center"/>
    </xf>
    <xf numFmtId="38" fontId="5" fillId="0" borderId="57" xfId="2" quotePrefix="1" applyFont="1" applyBorder="1" applyAlignment="1">
      <alignment horizontal="center"/>
    </xf>
    <xf numFmtId="38" fontId="9" fillId="0" borderId="25" xfId="2" applyFont="1" applyFill="1" applyBorder="1" applyAlignment="1">
      <alignment horizontal="center"/>
    </xf>
    <xf numFmtId="38" fontId="5" fillId="0" borderId="58" xfId="2" applyFont="1" applyBorder="1" applyAlignment="1">
      <alignment horizontal="center"/>
    </xf>
    <xf numFmtId="38" fontId="5" fillId="0" borderId="25" xfId="2" quotePrefix="1" applyFont="1" applyBorder="1" applyAlignment="1">
      <alignment horizontal="center"/>
    </xf>
    <xf numFmtId="38" fontId="5" fillId="0" borderId="25" xfId="2" applyFont="1" applyBorder="1" applyAlignment="1">
      <alignment horizontal="center"/>
    </xf>
    <xf numFmtId="38" fontId="5" fillId="0" borderId="25" xfId="2" applyFont="1" applyBorder="1" applyAlignment="1">
      <alignment horizontal="center" vertical="center"/>
    </xf>
    <xf numFmtId="49" fontId="1" fillId="0" borderId="0" xfId="2" applyNumberFormat="1" applyFont="1"/>
    <xf numFmtId="4" fontId="5" fillId="0" borderId="38" xfId="2" applyNumberFormat="1" applyFont="1" applyBorder="1" applyAlignment="1">
      <alignment horizontal="center"/>
    </xf>
    <xf numFmtId="38" fontId="5" fillId="0" borderId="55" xfId="2" applyFont="1" applyBorder="1" applyAlignment="1">
      <alignment horizontal="center"/>
    </xf>
    <xf numFmtId="38" fontId="5" fillId="0" borderId="34" xfId="2" applyFont="1" applyBorder="1" applyAlignment="1">
      <alignment horizontal="center"/>
    </xf>
    <xf numFmtId="38" fontId="5" fillId="0" borderId="63" xfId="2" quotePrefix="1" applyFont="1" applyBorder="1" applyAlignment="1">
      <alignment horizontal="center"/>
    </xf>
    <xf numFmtId="38" fontId="5" fillId="0" borderId="0" xfId="2" quotePrefix="1" applyFont="1"/>
    <xf numFmtId="40" fontId="5" fillId="0" borderId="48" xfId="2" applyNumberFormat="1" applyFont="1" applyBorder="1"/>
    <xf numFmtId="38" fontId="5" fillId="0" borderId="0" xfId="2" applyFont="1" applyAlignment="1">
      <alignment horizontal="center"/>
    </xf>
    <xf numFmtId="38" fontId="5" fillId="0" borderId="40" xfId="2" applyNumberFormat="1" applyFont="1" applyBorder="1" applyAlignment="1">
      <alignment horizontal="center"/>
    </xf>
    <xf numFmtId="38" fontId="5" fillId="0" borderId="38" xfId="2" applyFont="1" applyBorder="1" applyAlignment="1">
      <alignment horizontal="center" wrapText="1"/>
    </xf>
    <xf numFmtId="4" fontId="5" fillId="0" borderId="38" xfId="2" applyNumberFormat="1" applyFont="1" applyBorder="1" applyAlignment="1">
      <alignment horizontal="center" wrapText="1"/>
    </xf>
    <xf numFmtId="40" fontId="5" fillId="0" borderId="38" xfId="2" applyNumberFormat="1" applyFont="1" applyBorder="1" applyAlignment="1">
      <alignment horizontal="center" wrapText="1"/>
    </xf>
    <xf numFmtId="178" fontId="5" fillId="0" borderId="38" xfId="2" applyNumberFormat="1" applyFont="1" applyBorder="1" applyAlignment="1">
      <alignment horizontal="center" wrapText="1"/>
    </xf>
    <xf numFmtId="40" fontId="5" fillId="0" borderId="40" xfId="2" applyNumberFormat="1" applyFont="1" applyBorder="1"/>
    <xf numFmtId="38" fontId="5" fillId="0" borderId="42" xfId="2" applyNumberFormat="1" applyFont="1" applyBorder="1" applyAlignment="1">
      <alignment horizontal="center"/>
    </xf>
    <xf numFmtId="38" fontId="5" fillId="0" borderId="16" xfId="2" applyFont="1" applyBorder="1" applyAlignment="1">
      <alignment horizontal="center"/>
    </xf>
    <xf numFmtId="4" fontId="5" fillId="0" borderId="16" xfId="2" applyNumberFormat="1" applyFont="1" applyBorder="1" applyAlignment="1">
      <alignment horizontal="center"/>
    </xf>
    <xf numFmtId="40" fontId="5" fillId="0" borderId="16" xfId="2" applyNumberFormat="1" applyFont="1" applyBorder="1" applyAlignment="1">
      <alignment horizontal="center"/>
    </xf>
    <xf numFmtId="178" fontId="5" fillId="0" borderId="16" xfId="2" applyNumberFormat="1" applyFont="1" applyBorder="1" applyAlignment="1">
      <alignment horizontal="center"/>
    </xf>
    <xf numFmtId="38" fontId="5" fillId="0" borderId="24" xfId="2" applyNumberFormat="1" applyFont="1" applyBorder="1" applyAlignment="1">
      <alignment horizontal="center"/>
    </xf>
    <xf numFmtId="38" fontId="5" fillId="0" borderId="21" xfId="2" applyFont="1" applyBorder="1" applyAlignment="1">
      <alignment horizontal="center"/>
    </xf>
    <xf numFmtId="4" fontId="5" fillId="0" borderId="21" xfId="2" applyNumberFormat="1" applyFont="1" applyBorder="1" applyAlignment="1">
      <alignment horizontal="center"/>
    </xf>
    <xf numFmtId="40" fontId="5" fillId="0" borderId="21" xfId="2" applyNumberFormat="1" applyFont="1" applyBorder="1" applyAlignment="1">
      <alignment horizontal="center"/>
    </xf>
    <xf numFmtId="178" fontId="5" fillId="0" borderId="21" xfId="2" applyNumberFormat="1" applyFont="1" applyBorder="1" applyAlignment="1">
      <alignment horizontal="center"/>
    </xf>
    <xf numFmtId="38" fontId="5" fillId="0" borderId="53" xfId="2" applyNumberFormat="1" applyFont="1" applyBorder="1" applyAlignment="1">
      <alignment horizontal="center"/>
    </xf>
    <xf numFmtId="38" fontId="5" fillId="0" borderId="31" xfId="2" applyFont="1" applyBorder="1" applyAlignment="1">
      <alignment horizontal="center"/>
    </xf>
    <xf numFmtId="4" fontId="5" fillId="0" borderId="31" xfId="2" applyNumberFormat="1" applyFont="1" applyBorder="1" applyAlignment="1">
      <alignment horizontal="center"/>
    </xf>
    <xf numFmtId="40" fontId="5" fillId="0" borderId="31" xfId="2" applyNumberFormat="1" applyFont="1" applyBorder="1" applyAlignment="1">
      <alignment horizontal="center"/>
    </xf>
    <xf numFmtId="178" fontId="5" fillId="0" borderId="31" xfId="2" applyNumberFormat="1" applyFont="1" applyBorder="1" applyAlignment="1">
      <alignment horizontal="center"/>
    </xf>
    <xf numFmtId="40" fontId="5" fillId="0" borderId="40" xfId="2" applyNumberFormat="1" applyFont="1" applyBorder="1" applyAlignment="1">
      <alignment horizontal="center"/>
    </xf>
    <xf numFmtId="4" fontId="5" fillId="0" borderId="42" xfId="2" applyNumberFormat="1" applyFont="1" applyBorder="1" applyAlignment="1">
      <alignment horizontal="center"/>
    </xf>
    <xf numFmtId="38" fontId="5" fillId="0" borderId="0" xfId="2" applyFont="1" applyAlignment="1">
      <alignment vertical="center"/>
    </xf>
    <xf numFmtId="38" fontId="10" fillId="0" borderId="0" xfId="2" quotePrefix="1" applyFont="1"/>
    <xf numFmtId="0" fontId="5" fillId="0" borderId="0" xfId="2" quotePrefix="1" applyNumberFormat="1" applyFont="1"/>
    <xf numFmtId="4" fontId="5" fillId="0" borderId="48" xfId="2" applyNumberFormat="1" applyFont="1" applyBorder="1" applyAlignment="1">
      <alignment horizontal="right"/>
    </xf>
    <xf numFmtId="4" fontId="5" fillId="0" borderId="46" xfId="2" applyNumberFormat="1" applyFont="1" applyBorder="1" applyAlignment="1">
      <alignment horizontal="right"/>
    </xf>
    <xf numFmtId="4" fontId="5" fillId="0" borderId="40" xfId="2" applyNumberFormat="1" applyFont="1" applyBorder="1" applyAlignment="1">
      <alignment horizontal="right"/>
    </xf>
    <xf numFmtId="4" fontId="5" fillId="0" borderId="38" xfId="2" applyNumberFormat="1" applyFont="1" applyBorder="1" applyAlignment="1">
      <alignment horizontal="right"/>
    </xf>
    <xf numFmtId="4" fontId="5" fillId="0" borderId="42" xfId="2" applyNumberFormat="1" applyFont="1" applyBorder="1" applyAlignment="1">
      <alignment horizontal="right"/>
    </xf>
    <xf numFmtId="4" fontId="5" fillId="0" borderId="16" xfId="2" applyNumberFormat="1" applyFont="1" applyBorder="1" applyAlignment="1">
      <alignment horizontal="right"/>
    </xf>
    <xf numFmtId="38" fontId="5" fillId="0" borderId="16" xfId="2" applyNumberFormat="1" applyFont="1" applyBorder="1" applyAlignment="1">
      <alignment horizontal="right"/>
    </xf>
    <xf numFmtId="4" fontId="5" fillId="0" borderId="24" xfId="2" applyNumberFormat="1" applyFont="1" applyBorder="1" applyAlignment="1">
      <alignment horizontal="right"/>
    </xf>
    <xf numFmtId="4" fontId="5" fillId="0" borderId="21" xfId="2" applyNumberFormat="1" applyFont="1" applyBorder="1" applyAlignment="1">
      <alignment horizontal="right"/>
    </xf>
    <xf numFmtId="38" fontId="5" fillId="0" borderId="21" xfId="2" applyNumberFormat="1" applyFont="1" applyBorder="1" applyAlignment="1">
      <alignment horizontal="right"/>
    </xf>
    <xf numFmtId="4" fontId="5" fillId="0" borderId="53" xfId="2" applyNumberFormat="1" applyFont="1" applyBorder="1" applyAlignment="1">
      <alignment horizontal="right"/>
    </xf>
    <xf numFmtId="4" fontId="5" fillId="0" borderId="31" xfId="2" applyNumberFormat="1" applyFont="1" applyBorder="1" applyAlignment="1">
      <alignment horizontal="right"/>
    </xf>
    <xf numFmtId="38" fontId="5" fillId="0" borderId="31" xfId="2" applyNumberFormat="1" applyFont="1" applyBorder="1" applyAlignment="1">
      <alignment horizontal="right"/>
    </xf>
    <xf numFmtId="38" fontId="9" fillId="0" borderId="0" xfId="2" applyFont="1" applyFill="1"/>
    <xf numFmtId="38" fontId="12" fillId="0" borderId="0" xfId="2" applyFont="1" applyFill="1"/>
    <xf numFmtId="38" fontId="4" fillId="0" borderId="0" xfId="2" applyFont="1"/>
    <xf numFmtId="38" fontId="14" fillId="0" borderId="0" xfId="2" applyFont="1" applyFill="1"/>
    <xf numFmtId="38" fontId="9" fillId="0" borderId="78" xfId="2" applyFont="1" applyFill="1" applyBorder="1" applyAlignment="1">
      <alignment horizontal="center"/>
    </xf>
    <xf numFmtId="38" fontId="9" fillId="0" borderId="0" xfId="2" quotePrefix="1" applyFont="1" applyFill="1" applyBorder="1" applyAlignment="1">
      <alignment horizontal="center"/>
    </xf>
    <xf numFmtId="38" fontId="9" fillId="0" borderId="80" xfId="2" applyFont="1" applyFill="1" applyBorder="1" applyAlignment="1">
      <alignment horizontal="center"/>
    </xf>
    <xf numFmtId="38" fontId="9" fillId="0" borderId="34" xfId="2" applyFont="1" applyFill="1" applyBorder="1" applyAlignment="1">
      <alignment horizontal="center"/>
    </xf>
    <xf numFmtId="0" fontId="9" fillId="0" borderId="26" xfId="4" quotePrefix="1" applyFont="1" applyFill="1" applyBorder="1" applyAlignment="1">
      <alignment horizontal="center"/>
    </xf>
    <xf numFmtId="38" fontId="9" fillId="0" borderId="74" xfId="2" applyFont="1" applyFill="1" applyBorder="1" applyAlignment="1">
      <alignment horizontal="center"/>
    </xf>
    <xf numFmtId="0" fontId="9" fillId="0" borderId="26" xfId="4" applyFont="1" applyFill="1" applyBorder="1" applyAlignment="1">
      <alignment horizontal="center"/>
    </xf>
    <xf numFmtId="0" fontId="9" fillId="0" borderId="34" xfId="4" applyFont="1" applyFill="1" applyBorder="1" applyAlignment="1">
      <alignment horizontal="center"/>
    </xf>
    <xf numFmtId="38" fontId="9" fillId="0" borderId="76" xfId="2" applyFont="1" applyFill="1" applyBorder="1" applyAlignment="1">
      <alignment horizontal="center"/>
    </xf>
    <xf numFmtId="38" fontId="9" fillId="0" borderId="82" xfId="2" applyFont="1" applyFill="1" applyBorder="1" applyAlignment="1">
      <alignment horizontal="center"/>
    </xf>
    <xf numFmtId="38" fontId="9" fillId="0" borderId="55" xfId="2" applyFont="1" applyFill="1" applyBorder="1" applyAlignment="1">
      <alignment horizontal="center"/>
    </xf>
    <xf numFmtId="38" fontId="9" fillId="0" borderId="0" xfId="2" applyFont="1" applyFill="1" applyAlignment="1">
      <alignment horizontal="center"/>
    </xf>
    <xf numFmtId="38" fontId="9" fillId="0" borderId="23" xfId="2" applyFont="1" applyFill="1" applyBorder="1" applyAlignment="1"/>
    <xf numFmtId="38" fontId="15" fillId="0" borderId="75" xfId="2" applyFont="1" applyFill="1" applyBorder="1" applyAlignment="1"/>
    <xf numFmtId="38" fontId="16" fillId="0" borderId="21" xfId="2" applyFont="1" applyFill="1" applyBorder="1"/>
    <xf numFmtId="38" fontId="17" fillId="0" borderId="10" xfId="2" applyFont="1" applyFill="1" applyBorder="1" applyAlignment="1"/>
    <xf numFmtId="38" fontId="16" fillId="0" borderId="21" xfId="2" applyFont="1" applyFill="1" applyBorder="1" applyAlignment="1"/>
    <xf numFmtId="3" fontId="16" fillId="0" borderId="74" xfId="2" applyNumberFormat="1" applyFont="1" applyFill="1" applyBorder="1" applyAlignment="1"/>
    <xf numFmtId="38" fontId="17" fillId="0" borderId="10" xfId="2" applyFont="1" applyFill="1" applyBorder="1"/>
    <xf numFmtId="38" fontId="16" fillId="0" borderId="21" xfId="2" applyNumberFormat="1" applyFont="1" applyFill="1" applyBorder="1" applyProtection="1">
      <protection locked="0"/>
    </xf>
    <xf numFmtId="179" fontId="16" fillId="0" borderId="34" xfId="2" applyNumberFormat="1" applyFont="1" applyFill="1" applyBorder="1" applyProtection="1">
      <protection locked="0"/>
    </xf>
    <xf numFmtId="38" fontId="16" fillId="0" borderId="34" xfId="2" applyFont="1" applyFill="1" applyBorder="1" applyAlignment="1"/>
    <xf numFmtId="3" fontId="16" fillId="0" borderId="76" xfId="2" applyNumberFormat="1" applyFont="1" applyFill="1" applyBorder="1" applyAlignment="1"/>
    <xf numFmtId="0" fontId="16" fillId="0" borderId="10" xfId="3" applyFont="1" applyBorder="1"/>
    <xf numFmtId="0" fontId="16" fillId="0" borderId="83" xfId="3" applyFont="1" applyBorder="1"/>
    <xf numFmtId="0" fontId="16" fillId="0" borderId="22" xfId="3" applyFont="1" applyBorder="1" applyAlignment="1">
      <alignment horizontal="center"/>
    </xf>
    <xf numFmtId="38" fontId="9" fillId="0" borderId="0" xfId="2" applyFont="1" applyFill="1" applyAlignment="1"/>
    <xf numFmtId="38" fontId="16" fillId="0" borderId="26" xfId="2" applyFont="1" applyFill="1" applyBorder="1" applyAlignment="1"/>
    <xf numFmtId="179" fontId="16" fillId="0" borderId="10" xfId="2" applyNumberFormat="1" applyFont="1" applyFill="1" applyBorder="1" applyProtection="1">
      <protection locked="0"/>
    </xf>
    <xf numFmtId="38" fontId="16" fillId="0" borderId="26" xfId="2" applyFont="1" applyFill="1" applyBorder="1"/>
    <xf numFmtId="38" fontId="17" fillId="0" borderId="34" xfId="2" applyFont="1" applyFill="1" applyBorder="1" applyAlignment="1"/>
    <xf numFmtId="38" fontId="17" fillId="0" borderId="34" xfId="2" applyFont="1" applyFill="1" applyBorder="1"/>
    <xf numFmtId="38" fontId="16" fillId="0" borderId="26" xfId="2" applyNumberFormat="1" applyFont="1" applyFill="1" applyBorder="1"/>
    <xf numFmtId="0" fontId="16" fillId="0" borderId="34" xfId="3" applyFont="1" applyBorder="1"/>
    <xf numFmtId="0" fontId="16" fillId="0" borderId="84" xfId="3" applyFont="1" applyBorder="1"/>
    <xf numFmtId="38" fontId="16" fillId="0" borderId="21" xfId="2" applyNumberFormat="1" applyFont="1" applyBorder="1"/>
    <xf numFmtId="38" fontId="15" fillId="0" borderId="21" xfId="2" applyFont="1" applyFill="1" applyBorder="1" applyAlignment="1"/>
    <xf numFmtId="3" fontId="16" fillId="0" borderId="85" xfId="2" applyNumberFormat="1" applyFont="1" applyFill="1" applyBorder="1" applyAlignment="1"/>
    <xf numFmtId="3" fontId="16" fillId="0" borderId="11" xfId="2" applyNumberFormat="1" applyFont="1" applyFill="1" applyBorder="1" applyAlignment="1"/>
    <xf numFmtId="38" fontId="16" fillId="0" borderId="10" xfId="2" applyFont="1" applyFill="1" applyBorder="1" applyAlignment="1"/>
    <xf numFmtId="3" fontId="16" fillId="0" borderId="86" xfId="2" applyNumberFormat="1" applyFont="1" applyFill="1" applyBorder="1" applyAlignment="1"/>
    <xf numFmtId="0" fontId="16" fillId="0" borderId="79" xfId="3" applyFont="1" applyBorder="1"/>
    <xf numFmtId="0" fontId="16" fillId="0" borderId="12" xfId="3" applyFont="1" applyBorder="1" applyAlignment="1">
      <alignment horizontal="center"/>
    </xf>
    <xf numFmtId="38" fontId="15" fillId="0" borderId="11" xfId="2" applyFont="1" applyFill="1" applyBorder="1" applyAlignment="1"/>
    <xf numFmtId="38" fontId="9" fillId="0" borderId="28" xfId="2" applyFont="1" applyFill="1" applyBorder="1" applyAlignment="1"/>
    <xf numFmtId="38" fontId="16" fillId="0" borderId="16" xfId="2" applyFont="1" applyFill="1" applyBorder="1"/>
    <xf numFmtId="38" fontId="17" fillId="0" borderId="18" xfId="2" applyFont="1" applyFill="1" applyBorder="1" applyAlignment="1"/>
    <xf numFmtId="38" fontId="17" fillId="0" borderId="18" xfId="2" applyFont="1" applyFill="1" applyBorder="1"/>
    <xf numFmtId="38" fontId="16" fillId="0" borderId="16" xfId="2" applyNumberFormat="1" applyFont="1" applyFill="1" applyBorder="1" applyProtection="1">
      <protection locked="0"/>
    </xf>
    <xf numFmtId="179" fontId="16" fillId="0" borderId="18" xfId="2" applyNumberFormat="1" applyFont="1" applyFill="1" applyBorder="1" applyProtection="1">
      <protection locked="0"/>
    </xf>
    <xf numFmtId="38" fontId="16" fillId="0" borderId="16" xfId="2" applyFont="1" applyFill="1" applyBorder="1" applyAlignment="1"/>
    <xf numFmtId="38" fontId="15" fillId="0" borderId="31" xfId="2" applyFont="1" applyFill="1" applyBorder="1" applyAlignment="1"/>
    <xf numFmtId="38" fontId="16" fillId="0" borderId="31" xfId="2" applyFont="1" applyFill="1" applyBorder="1" applyAlignment="1"/>
    <xf numFmtId="3" fontId="16" fillId="0" borderId="87" xfId="2" applyNumberFormat="1" applyFont="1" applyFill="1" applyBorder="1" applyAlignment="1"/>
    <xf numFmtId="38" fontId="16" fillId="0" borderId="88" xfId="2" applyFont="1" applyFill="1" applyBorder="1" applyAlignment="1"/>
    <xf numFmtId="3" fontId="16" fillId="0" borderId="89" xfId="2" applyNumberFormat="1" applyFont="1" applyFill="1" applyBorder="1" applyAlignment="1"/>
    <xf numFmtId="0" fontId="16" fillId="0" borderId="88" xfId="3" applyFont="1" applyBorder="1"/>
    <xf numFmtId="0" fontId="16" fillId="0" borderId="90" xfId="3" applyFont="1" applyBorder="1"/>
    <xf numFmtId="0" fontId="16" fillId="0" borderId="32" xfId="3" applyFont="1" applyBorder="1" applyAlignment="1">
      <alignment horizontal="center"/>
    </xf>
    <xf numFmtId="38" fontId="15" fillId="0" borderId="91" xfId="2" applyFont="1" applyFill="1" applyBorder="1" applyAlignment="1"/>
    <xf numFmtId="38" fontId="15" fillId="0" borderId="20" xfId="2" applyFont="1" applyFill="1" applyBorder="1" applyAlignment="1"/>
    <xf numFmtId="38" fontId="16" fillId="0" borderId="35" xfId="2" applyFont="1" applyFill="1" applyBorder="1" applyAlignment="1"/>
    <xf numFmtId="3" fontId="16" fillId="0" borderId="15" xfId="2" applyNumberFormat="1" applyFont="1" applyFill="1" applyBorder="1" applyAlignment="1"/>
    <xf numFmtId="38" fontId="16" fillId="0" borderId="78" xfId="2" applyFont="1" applyFill="1" applyBorder="1" applyAlignment="1"/>
    <xf numFmtId="3" fontId="16" fillId="0" borderId="92" xfId="2" applyNumberFormat="1" applyFont="1" applyFill="1" applyBorder="1" applyAlignment="1"/>
    <xf numFmtId="0" fontId="16" fillId="0" borderId="93" xfId="3" applyFont="1" applyBorder="1"/>
    <xf numFmtId="0" fontId="16" fillId="0" borderId="94" xfId="3" applyFont="1" applyBorder="1"/>
    <xf numFmtId="0" fontId="16" fillId="0" borderId="18" xfId="3" applyFont="1" applyBorder="1"/>
    <xf numFmtId="0" fontId="16" fillId="0" borderId="19" xfId="3" applyFont="1" applyBorder="1" applyAlignment="1">
      <alignment horizontal="center"/>
    </xf>
    <xf numFmtId="38" fontId="16" fillId="0" borderId="39" xfId="2" applyFont="1" applyFill="1" applyBorder="1"/>
    <xf numFmtId="38" fontId="17" fillId="0" borderId="95" xfId="2" applyFont="1" applyFill="1" applyBorder="1" applyAlignment="1"/>
    <xf numFmtId="38" fontId="16" fillId="0" borderId="33" xfId="2" applyFont="1" applyFill="1" applyBorder="1" applyAlignment="1">
      <alignment vertical="center"/>
    </xf>
    <xf numFmtId="3" fontId="16" fillId="0" borderId="0" xfId="2" applyNumberFormat="1" applyFont="1" applyFill="1" applyBorder="1" applyAlignment="1">
      <alignment vertical="center"/>
    </xf>
    <xf numFmtId="38" fontId="16" fillId="0" borderId="95" xfId="2" applyFont="1" applyFill="1" applyBorder="1"/>
    <xf numFmtId="38" fontId="16" fillId="0" borderId="95" xfId="2" applyFont="1" applyFill="1" applyBorder="1" applyAlignment="1"/>
    <xf numFmtId="38" fontId="16" fillId="0" borderId="39" xfId="2" applyFont="1" applyFill="1" applyBorder="1" applyAlignment="1">
      <alignment vertical="center"/>
    </xf>
    <xf numFmtId="38" fontId="16" fillId="0" borderId="0" xfId="2" applyFont="1" applyFill="1" applyBorder="1" applyAlignment="1">
      <alignment vertical="center"/>
    </xf>
    <xf numFmtId="38" fontId="16" fillId="0" borderId="38" xfId="2" applyFont="1" applyFill="1" applyBorder="1" applyAlignment="1"/>
    <xf numFmtId="3" fontId="16" fillId="0" borderId="96" xfId="2" applyNumberFormat="1" applyFont="1" applyFill="1" applyBorder="1" applyAlignment="1">
      <alignment vertical="center"/>
    </xf>
    <xf numFmtId="38" fontId="16" fillId="0" borderId="0" xfId="2" applyFont="1" applyFill="1" applyBorder="1" applyAlignment="1">
      <alignment horizontal="center" vertical="center"/>
    </xf>
    <xf numFmtId="38" fontId="16" fillId="0" borderId="97" xfId="2" applyFont="1" applyFill="1" applyBorder="1" applyAlignment="1">
      <alignment horizontal="center" vertical="center"/>
    </xf>
    <xf numFmtId="38" fontId="16" fillId="0" borderId="78" xfId="2" applyFont="1" applyFill="1" applyBorder="1" applyAlignment="1">
      <alignment horizontal="center" vertical="center"/>
    </xf>
    <xf numFmtId="38" fontId="16" fillId="0" borderId="80" xfId="2" applyFont="1" applyFill="1" applyBorder="1" applyAlignment="1">
      <alignment horizontal="center" vertical="center"/>
    </xf>
    <xf numFmtId="38" fontId="9" fillId="0" borderId="0" xfId="2" applyFont="1" applyFill="1" applyAlignment="1">
      <alignment vertical="center"/>
    </xf>
    <xf numFmtId="38" fontId="16" fillId="0" borderId="38" xfId="2" applyFont="1" applyFill="1" applyBorder="1"/>
    <xf numFmtId="38" fontId="16" fillId="0" borderId="38" xfId="2" applyFont="1" applyFill="1" applyBorder="1" applyAlignment="1">
      <alignment vertical="center"/>
    </xf>
    <xf numFmtId="3" fontId="16" fillId="0" borderId="37" xfId="2" applyNumberFormat="1" applyFont="1" applyFill="1" applyBorder="1" applyAlignment="1">
      <alignment vertical="center"/>
    </xf>
    <xf numFmtId="38" fontId="17" fillId="0" borderId="98" xfId="2" applyFont="1" applyFill="1" applyBorder="1" applyAlignment="1"/>
    <xf numFmtId="38" fontId="16" fillId="0" borderId="98" xfId="2" applyFont="1" applyFill="1" applyBorder="1"/>
    <xf numFmtId="38" fontId="16" fillId="0" borderId="98" xfId="2" applyFont="1" applyFill="1" applyBorder="1" applyAlignment="1"/>
    <xf numFmtId="38" fontId="16" fillId="0" borderId="37" xfId="2" applyFont="1" applyFill="1" applyBorder="1" applyAlignment="1">
      <alignment vertical="center"/>
    </xf>
    <xf numFmtId="3" fontId="16" fillId="0" borderId="99" xfId="2" applyNumberFormat="1" applyFont="1" applyFill="1" applyBorder="1" applyAlignment="1">
      <alignment vertical="center"/>
    </xf>
    <xf numFmtId="38" fontId="16" fillId="0" borderId="37" xfId="2" applyFont="1" applyFill="1" applyBorder="1" applyAlignment="1">
      <alignment horizontal="center" vertical="center"/>
    </xf>
    <xf numFmtId="38" fontId="16" fillId="0" borderId="100" xfId="2" applyFont="1" applyFill="1" applyBorder="1" applyAlignment="1">
      <alignment horizontal="center" vertical="center"/>
    </xf>
    <xf numFmtId="38" fontId="16" fillId="0" borderId="98" xfId="2" applyFont="1" applyFill="1" applyBorder="1" applyAlignment="1">
      <alignment horizontal="center" vertical="center"/>
    </xf>
    <xf numFmtId="38" fontId="16" fillId="0" borderId="40" xfId="2" applyFont="1" applyFill="1" applyBorder="1" applyAlignment="1">
      <alignment horizontal="center" vertical="center"/>
    </xf>
    <xf numFmtId="38" fontId="16" fillId="0" borderId="46" xfId="2" applyFont="1" applyFill="1" applyBorder="1"/>
    <xf numFmtId="38" fontId="17" fillId="0" borderId="101" xfId="2" applyFont="1" applyFill="1" applyBorder="1" applyAlignment="1"/>
    <xf numFmtId="38" fontId="16" fillId="0" borderId="47" xfId="2" applyFont="1" applyFill="1" applyBorder="1" applyAlignment="1">
      <alignment vertical="center"/>
    </xf>
    <xf numFmtId="3" fontId="16" fillId="0" borderId="1" xfId="2" applyNumberFormat="1" applyFont="1" applyFill="1" applyBorder="1" applyAlignment="1">
      <alignment vertical="center"/>
    </xf>
    <xf numFmtId="38" fontId="16" fillId="0" borderId="47" xfId="2" applyFont="1" applyFill="1" applyBorder="1"/>
    <xf numFmtId="38" fontId="16" fillId="0" borderId="101" xfId="2" applyFont="1" applyFill="1" applyBorder="1"/>
    <xf numFmtId="38" fontId="16" fillId="0" borderId="101" xfId="2" applyFont="1" applyFill="1" applyBorder="1" applyAlignment="1"/>
    <xf numFmtId="38" fontId="16" fillId="0" borderId="1" xfId="2" applyFont="1" applyFill="1" applyBorder="1" applyAlignment="1">
      <alignment vertical="center"/>
    </xf>
    <xf numFmtId="3" fontId="16" fillId="0" borderId="102" xfId="2" applyNumberFormat="1" applyFont="1" applyFill="1" applyBorder="1" applyAlignment="1">
      <alignment vertical="center"/>
    </xf>
    <xf numFmtId="38" fontId="16" fillId="0" borderId="103" xfId="2" applyFont="1" applyFill="1" applyBorder="1" applyAlignment="1">
      <alignment horizontal="center" vertical="center"/>
    </xf>
    <xf numFmtId="38" fontId="16" fillId="0" borderId="104" xfId="2" applyFont="1" applyFill="1" applyBorder="1" applyAlignment="1">
      <alignment horizontal="center" vertical="center"/>
    </xf>
    <xf numFmtId="38" fontId="16" fillId="0" borderId="101" xfId="2" applyFont="1" applyFill="1" applyBorder="1" applyAlignment="1">
      <alignment horizontal="center" vertical="center"/>
    </xf>
    <xf numFmtId="38" fontId="16" fillId="0" borderId="105" xfId="2" applyFont="1" applyFill="1" applyBorder="1" applyAlignment="1">
      <alignment horizontal="center" vertical="center"/>
    </xf>
    <xf numFmtId="38" fontId="16" fillId="0" borderId="106" xfId="2" applyFont="1" applyFill="1" applyBorder="1" applyAlignment="1">
      <alignment horizontal="center" vertical="center"/>
    </xf>
    <xf numFmtId="38" fontId="18" fillId="0" borderId="0" xfId="2" applyFont="1" applyFill="1" applyBorder="1"/>
    <xf numFmtId="38" fontId="18" fillId="0" borderId="0" xfId="2" quotePrefix="1" applyFont="1" applyFill="1" applyBorder="1"/>
    <xf numFmtId="38" fontId="18" fillId="0" borderId="0" xfId="2" applyFont="1" applyFill="1"/>
    <xf numFmtId="38" fontId="10" fillId="0" borderId="0" xfId="2" applyFont="1" applyFill="1"/>
    <xf numFmtId="38" fontId="19" fillId="0" borderId="0" xfId="2" applyFont="1" applyFill="1"/>
    <xf numFmtId="38" fontId="5" fillId="0" borderId="0" xfId="2" applyFont="1" applyFill="1"/>
    <xf numFmtId="38" fontId="5" fillId="0" borderId="25" xfId="2" quotePrefix="1" applyFont="1" applyFill="1" applyBorder="1" applyAlignment="1">
      <alignment horizontal="center"/>
    </xf>
    <xf numFmtId="38" fontId="5" fillId="0" borderId="26" xfId="2" applyFont="1" applyFill="1" applyBorder="1" applyAlignment="1">
      <alignment horizontal="centerContinuous"/>
    </xf>
    <xf numFmtId="38" fontId="6" fillId="0" borderId="21" xfId="2" applyFont="1" applyFill="1" applyBorder="1"/>
    <xf numFmtId="38" fontId="5" fillId="0" borderId="21" xfId="2" applyNumberFormat="1" applyFont="1" applyFill="1" applyBorder="1"/>
    <xf numFmtId="38" fontId="6" fillId="0" borderId="16" xfId="2" applyFont="1" applyFill="1" applyBorder="1"/>
    <xf numFmtId="38" fontId="5" fillId="0" borderId="16" xfId="2" applyNumberFormat="1" applyFont="1" applyFill="1" applyBorder="1"/>
    <xf numFmtId="38" fontId="6" fillId="0" borderId="38" xfId="2" applyFont="1" applyFill="1" applyBorder="1"/>
    <xf numFmtId="38" fontId="5" fillId="0" borderId="38" xfId="2" quotePrefix="1" applyNumberFormat="1" applyFont="1" applyFill="1" applyBorder="1" applyAlignment="1">
      <alignment horizontal="center"/>
    </xf>
    <xf numFmtId="38" fontId="6" fillId="0" borderId="31" xfId="2" applyFont="1" applyFill="1" applyBorder="1"/>
    <xf numFmtId="38" fontId="5" fillId="0" borderId="31" xfId="2" applyNumberFormat="1" applyFont="1" applyFill="1" applyBorder="1"/>
    <xf numFmtId="38" fontId="5" fillId="0" borderId="38" xfId="2" applyNumberFormat="1" applyFont="1" applyFill="1" applyBorder="1"/>
    <xf numFmtId="38" fontId="5" fillId="0" borderId="46" xfId="2" applyNumberFormat="1" applyFont="1" applyFill="1" applyBorder="1"/>
    <xf numFmtId="38" fontId="5" fillId="0" borderId="38" xfId="2" applyNumberFormat="1" applyFont="1" applyFill="1" applyBorder="1" applyAlignment="1">
      <alignment horizontal="center"/>
    </xf>
    <xf numFmtId="38" fontId="5" fillId="0" borderId="26" xfId="2" applyFont="1" applyFill="1" applyBorder="1" applyAlignment="1">
      <alignment horizontal="center"/>
    </xf>
    <xf numFmtId="178" fontId="5" fillId="0" borderId="21" xfId="2" applyNumberFormat="1" applyFont="1" applyFill="1" applyBorder="1"/>
    <xf numFmtId="178" fontId="5" fillId="0" borderId="16" xfId="2" applyNumberFormat="1" applyFont="1" applyFill="1" applyBorder="1"/>
    <xf numFmtId="178" fontId="5" fillId="0" borderId="38" xfId="2" applyNumberFormat="1" applyFont="1" applyFill="1" applyBorder="1" applyAlignment="1">
      <alignment horizontal="center"/>
    </xf>
    <xf numFmtId="178" fontId="5" fillId="0" borderId="31" xfId="2" applyNumberFormat="1" applyFont="1" applyFill="1" applyBorder="1" applyAlignment="1">
      <alignment horizontal="center"/>
    </xf>
    <xf numFmtId="178" fontId="5" fillId="0" borderId="21" xfId="2" applyNumberFormat="1" applyFont="1" applyFill="1" applyBorder="1" applyAlignment="1">
      <alignment horizontal="center"/>
    </xf>
    <xf numFmtId="178" fontId="5" fillId="0" borderId="16" xfId="2" applyNumberFormat="1" applyFont="1" applyFill="1" applyBorder="1" applyAlignment="1">
      <alignment horizontal="center"/>
    </xf>
    <xf numFmtId="178" fontId="5" fillId="0" borderId="38" xfId="2" applyNumberFormat="1" applyFont="1" applyFill="1" applyBorder="1"/>
    <xf numFmtId="178" fontId="5" fillId="0" borderId="38" xfId="2" applyNumberFormat="1" applyFont="1" applyFill="1" applyBorder="1" applyAlignment="1">
      <alignment horizontal="center" wrapText="1"/>
    </xf>
    <xf numFmtId="178" fontId="5" fillId="0" borderId="46" xfId="2" applyNumberFormat="1" applyFont="1" applyFill="1" applyBorder="1"/>
    <xf numFmtId="4" fontId="5" fillId="0" borderId="21" xfId="2" applyNumberFormat="1" applyFont="1" applyFill="1" applyBorder="1"/>
    <xf numFmtId="4" fontId="5" fillId="0" borderId="16" xfId="2" applyNumberFormat="1" applyFont="1" applyFill="1" applyBorder="1"/>
    <xf numFmtId="40" fontId="5" fillId="0" borderId="38" xfId="2" applyNumberFormat="1" applyFont="1" applyFill="1" applyBorder="1" applyAlignment="1">
      <alignment horizontal="center"/>
    </xf>
    <xf numFmtId="40" fontId="5" fillId="0" borderId="31" xfId="2" applyNumberFormat="1" applyFont="1" applyFill="1" applyBorder="1" applyAlignment="1">
      <alignment horizontal="center"/>
    </xf>
    <xf numFmtId="40" fontId="5" fillId="0" borderId="21" xfId="2" applyNumberFormat="1" applyFont="1" applyFill="1" applyBorder="1" applyAlignment="1">
      <alignment horizontal="center"/>
    </xf>
    <xf numFmtId="40" fontId="5" fillId="0" borderId="16" xfId="2" applyNumberFormat="1" applyFont="1" applyFill="1" applyBorder="1" applyAlignment="1">
      <alignment horizontal="center"/>
    </xf>
    <xf numFmtId="40" fontId="5" fillId="0" borderId="38" xfId="2" applyNumberFormat="1" applyFont="1" applyFill="1" applyBorder="1"/>
    <xf numFmtId="40" fontId="5" fillId="0" borderId="38" xfId="2" applyNumberFormat="1" applyFont="1" applyFill="1" applyBorder="1" applyAlignment="1">
      <alignment horizontal="center" wrapText="1"/>
    </xf>
    <xf numFmtId="178" fontId="5" fillId="0" borderId="46" xfId="2" applyNumberFormat="1" applyFont="1" applyFill="1" applyBorder="1" applyAlignment="1">
      <alignment horizontal="center"/>
    </xf>
    <xf numFmtId="40" fontId="5" fillId="0" borderId="46" xfId="2" applyNumberFormat="1" applyFont="1" applyFill="1" applyBorder="1"/>
    <xf numFmtId="38" fontId="5" fillId="0" borderId="21" xfId="2" applyNumberFormat="1" applyFont="1" applyFill="1" applyBorder="1" applyAlignment="1">
      <alignment horizontal="right"/>
    </xf>
    <xf numFmtId="38" fontId="5" fillId="0" borderId="16" xfId="2" applyNumberFormat="1" applyFont="1" applyFill="1" applyBorder="1" applyAlignment="1">
      <alignment horizontal="right"/>
    </xf>
    <xf numFmtId="38" fontId="5" fillId="0" borderId="31" xfId="2" applyNumberFormat="1" applyFont="1" applyFill="1" applyBorder="1" applyAlignment="1">
      <alignment horizontal="right"/>
    </xf>
    <xf numFmtId="38" fontId="5" fillId="0" borderId="38" xfId="2" applyNumberFormat="1" applyFont="1" applyFill="1" applyBorder="1" applyAlignment="1">
      <alignment horizontal="right"/>
    </xf>
    <xf numFmtId="38" fontId="5" fillId="0" borderId="46" xfId="2" applyNumberFormat="1" applyFont="1" applyFill="1" applyBorder="1" applyAlignment="1">
      <alignment horizontal="right"/>
    </xf>
    <xf numFmtId="0" fontId="4" fillId="2" borderId="0" xfId="0" applyFont="1" applyFill="1" applyBorder="1" applyAlignment="1">
      <alignment horizontal="center"/>
    </xf>
    <xf numFmtId="0" fontId="4" fillId="2" borderId="1" xfId="0" applyFont="1" applyFill="1" applyBorder="1" applyAlignment="1">
      <alignment horizontal="center"/>
    </xf>
    <xf numFmtId="0" fontId="5" fillId="0" borderId="2" xfId="0" applyFont="1" applyBorder="1" applyAlignment="1">
      <alignment horizontal="distributed" vertical="center" justifyLastLine="1"/>
    </xf>
    <xf numFmtId="0" fontId="5" fillId="0" borderId="3" xfId="0" applyFont="1" applyBorder="1" applyAlignment="1">
      <alignment horizontal="distributed" vertical="center" justifyLastLine="1"/>
    </xf>
    <xf numFmtId="0" fontId="5" fillId="0" borderId="9" xfId="0" applyFont="1" applyBorder="1" applyAlignment="1">
      <alignment horizontal="distributed" vertical="center" justifyLastLine="1"/>
    </xf>
    <xf numFmtId="0" fontId="5" fillId="0" borderId="0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0" fontId="5" fillId="0" borderId="15" xfId="0" applyFont="1" applyBorder="1" applyAlignment="1">
      <alignment horizontal="distributed" vertical="center" justifyLastLine="1"/>
    </xf>
    <xf numFmtId="0" fontId="5" fillId="0" borderId="4" xfId="0" applyFont="1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5" fillId="0" borderId="6" xfId="0" applyFont="1" applyBorder="1" applyAlignment="1">
      <alignment horizontal="distributed" justifyLastLine="1"/>
    </xf>
    <xf numFmtId="0" fontId="5" fillId="0" borderId="7" xfId="0" applyFont="1" applyBorder="1" applyAlignment="1">
      <alignment horizontal="distributed" justifyLastLine="1"/>
    </xf>
    <xf numFmtId="0" fontId="5" fillId="0" borderId="8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5" fillId="0" borderId="20" xfId="0" applyFont="1" applyBorder="1" applyAlignment="1">
      <alignment horizontal="distributed" vertical="center" justifyLastLine="1"/>
    </xf>
    <xf numFmtId="0" fontId="5" fillId="0" borderId="10" xfId="0" applyFont="1" applyBorder="1" applyAlignment="1">
      <alignment horizontal="distributed" justifyLastLine="1"/>
    </xf>
    <xf numFmtId="0" fontId="5" fillId="0" borderId="11" xfId="0" applyFont="1" applyBorder="1" applyAlignment="1">
      <alignment horizontal="distributed" justifyLastLine="1"/>
    </xf>
    <xf numFmtId="0" fontId="5" fillId="3" borderId="10" xfId="0" applyFont="1" applyFill="1" applyBorder="1" applyAlignment="1">
      <alignment horizontal="distributed" justifyLastLine="1"/>
    </xf>
    <xf numFmtId="0" fontId="5" fillId="3" borderId="11" xfId="0" applyFont="1" applyFill="1" applyBorder="1" applyAlignment="1">
      <alignment horizontal="distributed" justifyLastLine="1"/>
    </xf>
    <xf numFmtId="0" fontId="5" fillId="0" borderId="12" xfId="0" applyFont="1" applyBorder="1" applyAlignment="1">
      <alignment horizontal="distributed" justifyLastLine="1"/>
    </xf>
    <xf numFmtId="38" fontId="5" fillId="0" borderId="36" xfId="1" applyFont="1" applyBorder="1" applyAlignment="1">
      <alignment horizontal="distributed" justifyLastLine="1"/>
    </xf>
    <xf numFmtId="0" fontId="5" fillId="0" borderId="37" xfId="0" applyFont="1" applyBorder="1" applyAlignment="1">
      <alignment horizontal="distributed" justifyLastLine="1"/>
    </xf>
    <xf numFmtId="38" fontId="5" fillId="0" borderId="41" xfId="1" applyFont="1" applyBorder="1" applyAlignment="1">
      <alignment horizontal="distributed" justifyLastLine="1"/>
    </xf>
    <xf numFmtId="38" fontId="5" fillId="0" borderId="43" xfId="1" applyFont="1" applyBorder="1" applyAlignment="1">
      <alignment horizontal="distributed" justifyLastLine="1"/>
    </xf>
    <xf numFmtId="0" fontId="5" fillId="0" borderId="44" xfId="0" applyFont="1" applyBorder="1" applyAlignment="1">
      <alignment horizontal="distributed" justifyLastLine="1"/>
    </xf>
    <xf numFmtId="38" fontId="5" fillId="0" borderId="49" xfId="1" applyFont="1" applyBorder="1" applyAlignment="1">
      <alignment horizontal="distributed" justifyLastLine="1"/>
    </xf>
    <xf numFmtId="38" fontId="5" fillId="0" borderId="36" xfId="1" applyFont="1" applyBorder="1" applyAlignment="1" applyProtection="1">
      <alignment horizontal="distributed" justifyLastLine="1"/>
    </xf>
    <xf numFmtId="38" fontId="5" fillId="0" borderId="41" xfId="1" applyFont="1" applyBorder="1" applyAlignment="1" applyProtection="1">
      <alignment horizontal="distributed" justifyLastLine="1"/>
    </xf>
    <xf numFmtId="49" fontId="5" fillId="0" borderId="3" xfId="1" applyNumberFormat="1" applyFont="1" applyBorder="1" applyAlignment="1">
      <alignment horizontal="left" justifyLastLine="1"/>
    </xf>
    <xf numFmtId="38" fontId="5" fillId="0" borderId="3" xfId="1" applyFont="1" applyBorder="1" applyAlignment="1">
      <alignment horizontal="left" justifyLastLine="1"/>
    </xf>
    <xf numFmtId="38" fontId="5" fillId="0" borderId="61" xfId="2" quotePrefix="1" applyFont="1" applyBorder="1" applyAlignment="1">
      <alignment horizontal="distributed" justifyLastLine="1"/>
    </xf>
    <xf numFmtId="38" fontId="5" fillId="0" borderId="60" xfId="2" quotePrefix="1" applyFont="1" applyBorder="1" applyAlignment="1">
      <alignment horizontal="distributed" justifyLastLine="1"/>
    </xf>
    <xf numFmtId="38" fontId="5" fillId="0" borderId="59" xfId="2" quotePrefix="1" applyFont="1" applyBorder="1" applyAlignment="1">
      <alignment horizontal="distributed" justifyLastLine="1"/>
    </xf>
    <xf numFmtId="38" fontId="5" fillId="0" borderId="52" xfId="2" applyFont="1" applyBorder="1" applyAlignment="1">
      <alignment horizontal="distributed" justifyLastLine="1"/>
    </xf>
    <xf numFmtId="38" fontId="5" fillId="0" borderId="38" xfId="2" applyFont="1" applyBorder="1" applyAlignment="1">
      <alignment horizontal="distributed" justifyLastLine="1"/>
    </xf>
    <xf numFmtId="38" fontId="5" fillId="0" borderId="51" xfId="2" applyFont="1" applyBorder="1" applyAlignment="1">
      <alignment horizontal="distributed" justifyLastLine="1"/>
    </xf>
    <xf numFmtId="38" fontId="5" fillId="0" borderId="46" xfId="2" applyFont="1" applyBorder="1" applyAlignment="1">
      <alignment horizontal="distributed" justifyLastLine="1"/>
    </xf>
    <xf numFmtId="0" fontId="7" fillId="0" borderId="60" xfId="3" applyBorder="1" applyAlignment="1">
      <alignment horizontal="distributed" justifyLastLine="1"/>
    </xf>
    <xf numFmtId="38" fontId="5" fillId="0" borderId="62" xfId="2" applyFont="1" applyBorder="1" applyAlignment="1">
      <alignment horizontal="distributed" vertical="center" justifyLastLine="1"/>
    </xf>
    <xf numFmtId="0" fontId="7" fillId="0" borderId="60" xfId="3" applyBorder="1" applyAlignment="1">
      <alignment horizontal="distributed" vertical="center" justifyLastLine="1"/>
    </xf>
    <xf numFmtId="0" fontId="7" fillId="0" borderId="56" xfId="3" applyBorder="1" applyAlignment="1">
      <alignment horizontal="distributed" vertical="center" justifyLastLine="1"/>
    </xf>
    <xf numFmtId="0" fontId="7" fillId="0" borderId="21" xfId="3" applyBorder="1" applyAlignment="1">
      <alignment horizontal="distributed" vertical="center" justifyLastLine="1"/>
    </xf>
    <xf numFmtId="0" fontId="7" fillId="0" borderId="59" xfId="3" applyBorder="1" applyAlignment="1">
      <alignment horizontal="distributed" justifyLastLine="1"/>
    </xf>
    <xf numFmtId="0" fontId="5" fillId="0" borderId="60" xfId="3" quotePrefix="1" applyFont="1" applyBorder="1" applyAlignment="1">
      <alignment horizontal="distributed" justifyLastLine="1"/>
    </xf>
    <xf numFmtId="0" fontId="5" fillId="0" borderId="60" xfId="3" applyFont="1" applyBorder="1" applyAlignment="1">
      <alignment horizontal="distributed" justifyLastLine="1"/>
    </xf>
    <xf numFmtId="0" fontId="7" fillId="0" borderId="4" xfId="3" applyBorder="1" applyAlignment="1">
      <alignment horizontal="distributed" justifyLastLine="1"/>
    </xf>
    <xf numFmtId="0" fontId="5" fillId="0" borderId="60" xfId="3" quotePrefix="1" applyFont="1" applyFill="1" applyBorder="1" applyAlignment="1">
      <alignment horizontal="distributed" justifyLastLine="1"/>
    </xf>
    <xf numFmtId="0" fontId="5" fillId="0" borderId="60" xfId="3" applyFont="1" applyFill="1" applyBorder="1" applyAlignment="1">
      <alignment horizontal="distributed" justifyLastLine="1"/>
    </xf>
    <xf numFmtId="38" fontId="9" fillId="0" borderId="67" xfId="2" applyFont="1" applyFill="1" applyBorder="1" applyAlignment="1">
      <alignment horizontal="center" vertical="center"/>
    </xf>
    <xf numFmtId="38" fontId="9" fillId="0" borderId="3" xfId="2" applyFont="1" applyFill="1" applyBorder="1" applyAlignment="1">
      <alignment horizontal="center" vertical="center"/>
    </xf>
    <xf numFmtId="38" fontId="9" fillId="0" borderId="68" xfId="2" applyFont="1" applyFill="1" applyBorder="1" applyAlignment="1">
      <alignment horizontal="center" vertical="center"/>
    </xf>
    <xf numFmtId="38" fontId="9" fillId="0" borderId="34" xfId="2" applyFont="1" applyFill="1" applyBorder="1" applyAlignment="1">
      <alignment horizontal="center" vertical="center"/>
    </xf>
    <xf numFmtId="38" fontId="9" fillId="0" borderId="74" xfId="2" applyFont="1" applyFill="1" applyBorder="1" applyAlignment="1">
      <alignment horizontal="center" vertical="center"/>
    </xf>
    <xf numFmtId="38" fontId="9" fillId="0" borderId="76" xfId="2" applyFont="1" applyFill="1" applyBorder="1" applyAlignment="1">
      <alignment horizontal="center" vertical="center"/>
    </xf>
    <xf numFmtId="38" fontId="5" fillId="0" borderId="69" xfId="2" applyFont="1" applyFill="1" applyBorder="1" applyAlignment="1">
      <alignment horizontal="center" vertical="center"/>
    </xf>
    <xf numFmtId="38" fontId="5" fillId="0" borderId="3" xfId="2" applyFont="1" applyFill="1" applyBorder="1" applyAlignment="1">
      <alignment horizontal="center" vertical="center"/>
    </xf>
    <xf numFmtId="38" fontId="5" fillId="0" borderId="70" xfId="2" applyFont="1" applyFill="1" applyBorder="1" applyAlignment="1">
      <alignment horizontal="center" vertical="center"/>
    </xf>
    <xf numFmtId="38" fontId="5" fillId="0" borderId="77" xfId="2" applyFont="1" applyFill="1" applyBorder="1" applyAlignment="1">
      <alignment horizontal="center" vertical="center"/>
    </xf>
    <xf numFmtId="38" fontId="5" fillId="0" borderId="74" xfId="2" applyFont="1" applyFill="1" applyBorder="1" applyAlignment="1">
      <alignment horizontal="center" vertical="center"/>
    </xf>
    <xf numFmtId="38" fontId="5" fillId="0" borderId="22" xfId="2" applyFont="1" applyFill="1" applyBorder="1" applyAlignment="1">
      <alignment horizontal="center" vertical="center"/>
    </xf>
    <xf numFmtId="38" fontId="9" fillId="0" borderId="71" xfId="2" applyFont="1" applyFill="1" applyBorder="1" applyAlignment="1">
      <alignment horizontal="center"/>
    </xf>
    <xf numFmtId="38" fontId="9" fillId="0" borderId="72" xfId="2" applyFont="1" applyFill="1" applyBorder="1" applyAlignment="1">
      <alignment horizontal="center"/>
    </xf>
    <xf numFmtId="38" fontId="9" fillId="0" borderId="73" xfId="2" applyFont="1" applyFill="1" applyBorder="1" applyAlignment="1">
      <alignment horizontal="center"/>
    </xf>
    <xf numFmtId="38" fontId="9" fillId="0" borderId="79" xfId="2" applyFont="1" applyFill="1" applyBorder="1" applyAlignment="1">
      <alignment horizontal="distributed" justifyLastLine="1"/>
    </xf>
    <xf numFmtId="38" fontId="9" fillId="0" borderId="11" xfId="2" applyFont="1" applyFill="1" applyBorder="1" applyAlignment="1">
      <alignment horizontal="distributed" justifyLastLine="1"/>
    </xf>
    <xf numFmtId="38" fontId="9" fillId="0" borderId="10" xfId="2" applyFont="1" applyFill="1" applyBorder="1" applyAlignment="1">
      <alignment horizontal="distributed" justifyLastLine="1"/>
    </xf>
    <xf numFmtId="38" fontId="5" fillId="0" borderId="36" xfId="2" applyFont="1" applyBorder="1" applyAlignment="1">
      <alignment horizontal="distributed" justifyLastLine="1"/>
    </xf>
    <xf numFmtId="38" fontId="5" fillId="0" borderId="41" xfId="2" applyFont="1" applyBorder="1" applyAlignment="1">
      <alignment horizontal="distributed" justifyLastLine="1"/>
    </xf>
    <xf numFmtId="38" fontId="5" fillId="0" borderId="43" xfId="2" applyFont="1" applyBorder="1" applyAlignment="1">
      <alignment horizontal="distributed" justifyLastLine="1"/>
    </xf>
    <xf numFmtId="38" fontId="5" fillId="0" borderId="49" xfId="2" applyFont="1" applyBorder="1" applyAlignment="1">
      <alignment horizontal="distributed" justifyLastLine="1"/>
    </xf>
    <xf numFmtId="38" fontId="11" fillId="0" borderId="0" xfId="2" applyFont="1" applyFill="1" applyAlignment="1">
      <alignment horizontal="left"/>
    </xf>
    <xf numFmtId="38" fontId="9" fillId="0" borderId="2" xfId="2" applyFont="1" applyFill="1" applyBorder="1" applyAlignment="1">
      <alignment horizontal="distributed" vertical="center" justifyLastLine="1"/>
    </xf>
    <xf numFmtId="38" fontId="9" fillId="0" borderId="8" xfId="2" applyFont="1" applyFill="1" applyBorder="1" applyAlignment="1">
      <alignment horizontal="distributed" vertical="center" justifyLastLine="1"/>
    </xf>
    <xf numFmtId="38" fontId="9" fillId="0" borderId="9" xfId="2" applyFont="1" applyFill="1" applyBorder="1" applyAlignment="1">
      <alignment horizontal="distributed" vertical="center" justifyLastLine="1"/>
    </xf>
    <xf numFmtId="38" fontId="9" fillId="0" borderId="13" xfId="2" applyFont="1" applyFill="1" applyBorder="1" applyAlignment="1">
      <alignment horizontal="distributed" vertical="center" justifyLastLine="1"/>
    </xf>
    <xf numFmtId="38" fontId="9" fillId="0" borderId="81" xfId="2" applyFont="1" applyFill="1" applyBorder="1" applyAlignment="1">
      <alignment horizontal="distributed" vertical="center" justifyLastLine="1"/>
    </xf>
    <xf numFmtId="38" fontId="9" fillId="0" borderId="75" xfId="2" applyFont="1" applyFill="1" applyBorder="1" applyAlignment="1">
      <alignment horizontal="distributed" vertical="center" justifyLastLine="1"/>
    </xf>
    <xf numFmtId="38" fontId="9" fillId="0" borderId="64" xfId="2" applyFont="1" applyFill="1" applyBorder="1" applyAlignment="1">
      <alignment horizontal="center"/>
    </xf>
    <xf numFmtId="38" fontId="9" fillId="0" borderId="65" xfId="2" applyFont="1" applyFill="1" applyBorder="1" applyAlignment="1">
      <alignment horizontal="center"/>
    </xf>
    <xf numFmtId="38" fontId="9" fillId="0" borderId="66" xfId="2" applyFont="1" applyFill="1" applyBorder="1" applyAlignment="1">
      <alignment horizontal="center"/>
    </xf>
    <xf numFmtId="38" fontId="9" fillId="0" borderId="8" xfId="2" applyFont="1" applyFill="1" applyBorder="1" applyAlignment="1">
      <alignment horizontal="center" vertical="center"/>
    </xf>
    <xf numFmtId="38" fontId="9" fillId="0" borderId="75" xfId="2" applyFont="1" applyFill="1" applyBorder="1" applyAlignment="1">
      <alignment horizontal="center" vertical="center"/>
    </xf>
  </cellXfs>
  <cellStyles count="5">
    <cellStyle name="桁区切り" xfId="1" builtinId="6"/>
    <cellStyle name="桁区切り 2" xfId="2"/>
    <cellStyle name="標準" xfId="0" builtinId="0"/>
    <cellStyle name="標準 2" xfId="3"/>
    <cellStyle name="標準_レセ効果_1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219075</xdr:colOff>
      <xdr:row>22</xdr:row>
      <xdr:rowOff>0</xdr:rowOff>
    </xdr:from>
    <xdr:to>
      <xdr:col>19</xdr:col>
      <xdr:colOff>295275</xdr:colOff>
      <xdr:row>23</xdr:row>
      <xdr:rowOff>57150</xdr:rowOff>
    </xdr:to>
    <xdr:sp macro="" textlink="">
      <xdr:nvSpPr>
        <xdr:cNvPr id="2" name="Text Box 3"/>
        <xdr:cNvSpPr txBox="1">
          <a:spLocks noChangeArrowheads="1"/>
        </xdr:cNvSpPr>
      </xdr:nvSpPr>
      <xdr:spPr bwMode="auto">
        <a:xfrm>
          <a:off x="8982075" y="336042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</xdr:colOff>
      <xdr:row>22</xdr:row>
      <xdr:rowOff>28575</xdr:rowOff>
    </xdr:from>
    <xdr:to>
      <xdr:col>19</xdr:col>
      <xdr:colOff>104775</xdr:colOff>
      <xdr:row>23</xdr:row>
      <xdr:rowOff>85725</xdr:rowOff>
    </xdr:to>
    <xdr:sp macro="" textlink="">
      <xdr:nvSpPr>
        <xdr:cNvPr id="3" name="Text Box 4"/>
        <xdr:cNvSpPr txBox="1">
          <a:spLocks noChangeArrowheads="1"/>
        </xdr:cNvSpPr>
      </xdr:nvSpPr>
      <xdr:spPr bwMode="auto">
        <a:xfrm>
          <a:off x="8791575" y="338899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R199"/>
  <sheetViews>
    <sheetView tabSelected="1" zoomScaleNormal="100" zoomScaleSheetLayoutView="100" workbookViewId="0"/>
  </sheetViews>
  <sheetFormatPr defaultColWidth="9" defaultRowHeight="15.75" customHeight="1" x14ac:dyDescent="0.15"/>
  <cols>
    <col min="1" max="1" width="3.6640625" style="7" customWidth="1"/>
    <col min="2" max="2" width="10" style="7" customWidth="1"/>
    <col min="3" max="3" width="13.109375" style="7" customWidth="1"/>
    <col min="4" max="4" width="4.88671875" style="7" customWidth="1"/>
    <col min="5" max="5" width="13.109375" style="7" customWidth="1"/>
    <col min="6" max="6" width="6.44140625" style="7" bestFit="1" customWidth="1"/>
    <col min="7" max="7" width="8.109375" style="108" hidden="1" customWidth="1"/>
    <col min="8" max="8" width="4.6640625" style="108" hidden="1" customWidth="1"/>
    <col min="9" max="9" width="13.109375" style="7" customWidth="1"/>
    <col min="10" max="10" width="4.88671875" style="7" customWidth="1"/>
    <col min="11" max="11" width="13.109375" style="7" customWidth="1"/>
    <col min="12" max="12" width="4.88671875" style="7" customWidth="1"/>
    <col min="13" max="13" width="13.109375" style="7" customWidth="1"/>
    <col min="14" max="14" width="4.88671875" style="7" customWidth="1"/>
    <col min="15" max="15" width="13.109375" style="7" customWidth="1"/>
    <col min="16" max="16" width="5.88671875" style="7" customWidth="1"/>
    <col min="17" max="17" width="8.88671875" style="108" hidden="1" customWidth="1"/>
    <col min="18" max="18" width="4.88671875" style="108" hidden="1" customWidth="1"/>
    <col min="19" max="19" width="13.109375" style="7" customWidth="1"/>
    <col min="20" max="20" width="4.88671875" style="7" customWidth="1"/>
    <col min="21" max="21" width="13.109375" style="7" customWidth="1"/>
    <col min="22" max="22" width="4.88671875" style="7" customWidth="1"/>
    <col min="23" max="23" width="3.6640625" style="7" customWidth="1"/>
    <col min="24" max="24" width="10" style="7" customWidth="1"/>
    <col min="25" max="25" width="13.109375" style="7" customWidth="1"/>
    <col min="26" max="26" width="4.88671875" style="7" customWidth="1"/>
    <col min="27" max="27" width="13.109375" style="7" customWidth="1"/>
    <col min="28" max="28" width="4.88671875" style="7" customWidth="1"/>
    <col min="29" max="29" width="8.88671875" style="108" hidden="1" customWidth="1"/>
    <col min="30" max="30" width="3.6640625" style="108" hidden="1" customWidth="1"/>
    <col min="31" max="31" width="13.109375" style="7" customWidth="1"/>
    <col min="32" max="32" width="4.88671875" style="7" customWidth="1"/>
    <col min="33" max="33" width="13.109375" style="7" customWidth="1"/>
    <col min="34" max="34" width="4.88671875" style="7" customWidth="1"/>
    <col min="35" max="35" width="13.109375" style="7" customWidth="1"/>
    <col min="36" max="36" width="4.88671875" style="7" customWidth="1"/>
    <col min="37" max="37" width="13.109375" style="7" customWidth="1"/>
    <col min="38" max="38" width="4.88671875" style="7" customWidth="1"/>
    <col min="39" max="39" width="8.88671875" style="108" hidden="1" customWidth="1"/>
    <col min="40" max="40" width="4.88671875" style="108" hidden="1" customWidth="1"/>
    <col min="41" max="41" width="13.109375" style="7" customWidth="1"/>
    <col min="42" max="42" width="4.88671875" style="7" customWidth="1"/>
    <col min="43" max="43" width="13.109375" style="7" customWidth="1"/>
    <col min="44" max="44" width="4.88671875" style="7" customWidth="1"/>
    <col min="45" max="16384" width="9" style="7"/>
  </cols>
  <sheetData>
    <row r="1" spans="1:44" s="2" customFormat="1" ht="21" customHeight="1" x14ac:dyDescent="0.2">
      <c r="A1" s="1" t="s">
        <v>0</v>
      </c>
      <c r="C1" s="3"/>
      <c r="D1" s="3"/>
      <c r="E1" s="3"/>
      <c r="F1" s="3"/>
      <c r="G1" s="384" t="s">
        <v>1</v>
      </c>
      <c r="H1" s="384"/>
      <c r="I1" s="3"/>
      <c r="J1" s="3"/>
      <c r="K1" s="3"/>
      <c r="L1" s="3"/>
      <c r="M1" s="3"/>
      <c r="N1" s="3"/>
      <c r="O1" s="3"/>
      <c r="P1" s="3"/>
      <c r="Q1" s="384" t="s">
        <v>1</v>
      </c>
      <c r="R1" s="384"/>
      <c r="S1" s="3"/>
      <c r="T1" s="3"/>
      <c r="U1" s="3"/>
      <c r="V1" s="3"/>
      <c r="W1" s="4" t="s">
        <v>2</v>
      </c>
      <c r="X1" s="3"/>
      <c r="Y1" s="3"/>
      <c r="Z1" s="3"/>
      <c r="AA1" s="3"/>
      <c r="AB1" s="3"/>
      <c r="AC1" s="384" t="s">
        <v>1</v>
      </c>
      <c r="AD1" s="384"/>
      <c r="AE1" s="3"/>
      <c r="AF1" s="3"/>
      <c r="AG1" s="3"/>
      <c r="AH1" s="3"/>
      <c r="AI1" s="3"/>
      <c r="AJ1" s="3"/>
      <c r="AK1" s="3"/>
      <c r="AL1" s="3"/>
      <c r="AM1" s="384" t="s">
        <v>1</v>
      </c>
      <c r="AN1" s="384"/>
      <c r="AO1" s="3"/>
      <c r="AP1" s="3"/>
      <c r="AQ1" s="3"/>
      <c r="AR1" s="3"/>
    </row>
    <row r="2" spans="1:44" s="2" customFormat="1" ht="7.5" customHeight="1" thickBot="1" x14ac:dyDescent="0.25">
      <c r="A2" s="5"/>
      <c r="C2" s="3"/>
      <c r="D2" s="3"/>
      <c r="E2" s="3"/>
      <c r="F2" s="3"/>
      <c r="G2" s="385"/>
      <c r="H2" s="385"/>
      <c r="I2" s="3"/>
      <c r="J2" s="3"/>
      <c r="K2" s="3"/>
      <c r="L2" s="3"/>
      <c r="M2" s="3"/>
      <c r="N2" s="3"/>
      <c r="O2" s="3"/>
      <c r="P2" s="3"/>
      <c r="Q2" s="385"/>
      <c r="R2" s="385"/>
      <c r="S2" s="3"/>
      <c r="T2" s="3"/>
      <c r="U2" s="3"/>
      <c r="V2" s="3"/>
      <c r="W2" s="3"/>
      <c r="X2" s="3"/>
      <c r="Y2" s="3"/>
      <c r="Z2" s="3"/>
      <c r="AA2" s="3"/>
      <c r="AB2" s="3"/>
      <c r="AC2" s="385"/>
      <c r="AD2" s="385"/>
      <c r="AE2" s="3"/>
      <c r="AF2" s="3"/>
      <c r="AG2" s="3"/>
      <c r="AH2" s="3"/>
      <c r="AI2" s="3"/>
      <c r="AJ2" s="3"/>
      <c r="AK2" s="3"/>
      <c r="AL2" s="3"/>
      <c r="AM2" s="385"/>
      <c r="AN2" s="385"/>
      <c r="AO2" s="3"/>
      <c r="AP2" s="3"/>
      <c r="AQ2" s="3"/>
      <c r="AR2" s="6"/>
    </row>
    <row r="3" spans="1:44" ht="10.8" x14ac:dyDescent="0.15">
      <c r="A3" s="386" t="s">
        <v>3</v>
      </c>
      <c r="B3" s="387"/>
      <c r="C3" s="392" t="s">
        <v>4</v>
      </c>
      <c r="D3" s="393"/>
      <c r="E3" s="393"/>
      <c r="F3" s="393"/>
      <c r="G3" s="393"/>
      <c r="H3" s="393"/>
      <c r="I3" s="393"/>
      <c r="J3" s="393"/>
      <c r="K3" s="393"/>
      <c r="L3" s="393"/>
      <c r="M3" s="394" t="s">
        <v>5</v>
      </c>
      <c r="N3" s="393"/>
      <c r="O3" s="393"/>
      <c r="P3" s="393"/>
      <c r="Q3" s="393"/>
      <c r="R3" s="393"/>
      <c r="S3" s="393"/>
      <c r="T3" s="393"/>
      <c r="U3" s="393"/>
      <c r="V3" s="395"/>
      <c r="W3" s="386" t="s">
        <v>3</v>
      </c>
      <c r="X3" s="396"/>
      <c r="Y3" s="392" t="s">
        <v>6</v>
      </c>
      <c r="Z3" s="393"/>
      <c r="AA3" s="393"/>
      <c r="AB3" s="393"/>
      <c r="AC3" s="393"/>
      <c r="AD3" s="393"/>
      <c r="AE3" s="393"/>
      <c r="AF3" s="393"/>
      <c r="AG3" s="393"/>
      <c r="AH3" s="395"/>
      <c r="AI3" s="393" t="s">
        <v>8</v>
      </c>
      <c r="AJ3" s="393"/>
      <c r="AK3" s="393"/>
      <c r="AL3" s="393"/>
      <c r="AM3" s="393"/>
      <c r="AN3" s="393"/>
      <c r="AO3" s="393"/>
      <c r="AP3" s="393"/>
      <c r="AQ3" s="393"/>
      <c r="AR3" s="395"/>
    </row>
    <row r="4" spans="1:44" ht="10.5" customHeight="1" x14ac:dyDescent="0.15">
      <c r="A4" s="388"/>
      <c r="B4" s="389"/>
      <c r="C4" s="399" t="s">
        <v>9</v>
      </c>
      <c r="D4" s="400"/>
      <c r="E4" s="399" t="s">
        <v>10</v>
      </c>
      <c r="F4" s="400"/>
      <c r="G4" s="401" t="s">
        <v>11</v>
      </c>
      <c r="H4" s="402"/>
      <c r="I4" s="399" t="s">
        <v>12</v>
      </c>
      <c r="J4" s="400"/>
      <c r="K4" s="399" t="s">
        <v>13</v>
      </c>
      <c r="L4" s="403"/>
      <c r="M4" s="399" t="s">
        <v>9</v>
      </c>
      <c r="N4" s="400"/>
      <c r="O4" s="399" t="s">
        <v>14</v>
      </c>
      <c r="P4" s="400"/>
      <c r="Q4" s="401" t="s">
        <v>11</v>
      </c>
      <c r="R4" s="402"/>
      <c r="S4" s="399" t="s">
        <v>12</v>
      </c>
      <c r="T4" s="400"/>
      <c r="U4" s="399" t="s">
        <v>13</v>
      </c>
      <c r="V4" s="403"/>
      <c r="W4" s="388"/>
      <c r="X4" s="397"/>
      <c r="Y4" s="399" t="s">
        <v>9</v>
      </c>
      <c r="Z4" s="400"/>
      <c r="AA4" s="399" t="s">
        <v>10</v>
      </c>
      <c r="AB4" s="400"/>
      <c r="AC4" s="401" t="s">
        <v>11</v>
      </c>
      <c r="AD4" s="402"/>
      <c r="AE4" s="399" t="s">
        <v>12</v>
      </c>
      <c r="AF4" s="400"/>
      <c r="AG4" s="399" t="s">
        <v>13</v>
      </c>
      <c r="AH4" s="403"/>
      <c r="AI4" s="399" t="s">
        <v>9</v>
      </c>
      <c r="AJ4" s="400"/>
      <c r="AK4" s="399" t="s">
        <v>10</v>
      </c>
      <c r="AL4" s="400"/>
      <c r="AM4" s="401" t="s">
        <v>11</v>
      </c>
      <c r="AN4" s="402"/>
      <c r="AO4" s="399" t="s">
        <v>12</v>
      </c>
      <c r="AP4" s="400"/>
      <c r="AQ4" s="399" t="s">
        <v>13</v>
      </c>
      <c r="AR4" s="403"/>
    </row>
    <row r="5" spans="1:44" ht="10.5" customHeight="1" thickBot="1" x14ac:dyDescent="0.2">
      <c r="A5" s="390"/>
      <c r="B5" s="391"/>
      <c r="C5" s="8" t="s">
        <v>15</v>
      </c>
      <c r="D5" s="9" t="s">
        <v>16</v>
      </c>
      <c r="E5" s="10" t="s">
        <v>15</v>
      </c>
      <c r="F5" s="10" t="s">
        <v>16</v>
      </c>
      <c r="G5" s="11" t="s">
        <v>15</v>
      </c>
      <c r="H5" s="12" t="s">
        <v>16</v>
      </c>
      <c r="I5" s="8" t="s">
        <v>15</v>
      </c>
      <c r="J5" s="9" t="s">
        <v>16</v>
      </c>
      <c r="K5" s="8" t="s">
        <v>15</v>
      </c>
      <c r="L5" s="13" t="s">
        <v>16</v>
      </c>
      <c r="M5" s="8" t="s">
        <v>15</v>
      </c>
      <c r="N5" s="9" t="s">
        <v>16</v>
      </c>
      <c r="O5" s="10" t="s">
        <v>15</v>
      </c>
      <c r="P5" s="10" t="s">
        <v>16</v>
      </c>
      <c r="Q5" s="11" t="s">
        <v>15</v>
      </c>
      <c r="R5" s="12" t="s">
        <v>16</v>
      </c>
      <c r="S5" s="8" t="s">
        <v>15</v>
      </c>
      <c r="T5" s="9" t="s">
        <v>16</v>
      </c>
      <c r="U5" s="8" t="s">
        <v>15</v>
      </c>
      <c r="V5" s="13" t="s">
        <v>16</v>
      </c>
      <c r="W5" s="390"/>
      <c r="X5" s="398"/>
      <c r="Y5" s="8" t="s">
        <v>15</v>
      </c>
      <c r="Z5" s="9" t="s">
        <v>16</v>
      </c>
      <c r="AA5" s="10" t="s">
        <v>15</v>
      </c>
      <c r="AB5" s="10" t="s">
        <v>16</v>
      </c>
      <c r="AC5" s="11" t="s">
        <v>15</v>
      </c>
      <c r="AD5" s="12" t="s">
        <v>16</v>
      </c>
      <c r="AE5" s="8" t="s">
        <v>15</v>
      </c>
      <c r="AF5" s="9" t="s">
        <v>16</v>
      </c>
      <c r="AG5" s="8" t="s">
        <v>15</v>
      </c>
      <c r="AH5" s="13" t="s">
        <v>16</v>
      </c>
      <c r="AI5" s="8" t="s">
        <v>15</v>
      </c>
      <c r="AJ5" s="9" t="s">
        <v>16</v>
      </c>
      <c r="AK5" s="10" t="s">
        <v>15</v>
      </c>
      <c r="AL5" s="10" t="s">
        <v>16</v>
      </c>
      <c r="AM5" s="11" t="s">
        <v>15</v>
      </c>
      <c r="AN5" s="12" t="s">
        <v>16</v>
      </c>
      <c r="AO5" s="8" t="s">
        <v>15</v>
      </c>
      <c r="AP5" s="9" t="s">
        <v>16</v>
      </c>
      <c r="AQ5" s="8" t="s">
        <v>15</v>
      </c>
      <c r="AR5" s="13" t="s">
        <v>16</v>
      </c>
    </row>
    <row r="6" spans="1:44" ht="14.1" customHeight="1" thickTop="1" x14ac:dyDescent="0.15">
      <c r="A6" s="14">
        <v>1</v>
      </c>
      <c r="B6" s="15" t="s">
        <v>17</v>
      </c>
      <c r="C6" s="16">
        <v>128920</v>
      </c>
      <c r="D6" s="16">
        <v>19</v>
      </c>
      <c r="E6" s="16">
        <v>179930</v>
      </c>
      <c r="F6" s="16">
        <v>7</v>
      </c>
      <c r="G6" s="17">
        <v>83597</v>
      </c>
      <c r="H6" s="17">
        <v>23</v>
      </c>
      <c r="I6" s="16">
        <v>191704</v>
      </c>
      <c r="J6" s="16">
        <v>11</v>
      </c>
      <c r="K6" s="16">
        <v>128941</v>
      </c>
      <c r="L6" s="18">
        <v>19</v>
      </c>
      <c r="M6" s="16">
        <v>203288</v>
      </c>
      <c r="N6" s="16">
        <v>16</v>
      </c>
      <c r="O6" s="16">
        <v>268091</v>
      </c>
      <c r="P6" s="16">
        <v>11</v>
      </c>
      <c r="Q6" s="17">
        <v>134582</v>
      </c>
      <c r="R6" s="17">
        <v>18</v>
      </c>
      <c r="S6" s="16">
        <v>298462</v>
      </c>
      <c r="T6" s="16">
        <v>8</v>
      </c>
      <c r="U6" s="16">
        <v>203315</v>
      </c>
      <c r="V6" s="18">
        <v>16</v>
      </c>
      <c r="W6" s="14">
        <v>1</v>
      </c>
      <c r="X6" s="16" t="s">
        <v>17</v>
      </c>
      <c r="Y6" s="16">
        <v>27480</v>
      </c>
      <c r="Z6" s="16">
        <v>11</v>
      </c>
      <c r="AA6" s="16">
        <v>40247</v>
      </c>
      <c r="AB6" s="16">
        <v>11</v>
      </c>
      <c r="AC6" s="17">
        <v>21302</v>
      </c>
      <c r="AD6" s="17">
        <v>10</v>
      </c>
      <c r="AE6" s="16">
        <v>36039</v>
      </c>
      <c r="AF6" s="16">
        <v>5</v>
      </c>
      <c r="AG6" s="16">
        <v>27486</v>
      </c>
      <c r="AH6" s="18">
        <v>10</v>
      </c>
      <c r="AI6" s="16">
        <v>367287</v>
      </c>
      <c r="AJ6" s="16">
        <v>16</v>
      </c>
      <c r="AK6" s="16">
        <v>515748</v>
      </c>
      <c r="AL6" s="16">
        <v>7</v>
      </c>
      <c r="AM6" s="17">
        <v>246105</v>
      </c>
      <c r="AN6" s="17">
        <v>17</v>
      </c>
      <c r="AO6" s="16">
        <v>535153</v>
      </c>
      <c r="AP6" s="19">
        <v>9</v>
      </c>
      <c r="AQ6" s="16">
        <v>367348</v>
      </c>
      <c r="AR6" s="20">
        <v>16</v>
      </c>
    </row>
    <row r="7" spans="1:44" ht="14.1" customHeight="1" x14ac:dyDescent="0.15">
      <c r="A7" s="21">
        <v>2</v>
      </c>
      <c r="B7" s="15" t="s">
        <v>18</v>
      </c>
      <c r="C7" s="16">
        <v>125060</v>
      </c>
      <c r="D7" s="16">
        <v>26</v>
      </c>
      <c r="E7" s="16">
        <v>226299</v>
      </c>
      <c r="F7" s="16">
        <v>4</v>
      </c>
      <c r="G7" s="17">
        <v>76667</v>
      </c>
      <c r="H7" s="17">
        <v>28</v>
      </c>
      <c r="I7" s="16">
        <v>208964</v>
      </c>
      <c r="J7" s="16">
        <v>4</v>
      </c>
      <c r="K7" s="16">
        <v>125107</v>
      </c>
      <c r="L7" s="18">
        <v>26</v>
      </c>
      <c r="M7" s="16">
        <v>191989</v>
      </c>
      <c r="N7" s="16">
        <v>27</v>
      </c>
      <c r="O7" s="16">
        <v>360418</v>
      </c>
      <c r="P7" s="16">
        <v>5</v>
      </c>
      <c r="Q7" s="17">
        <v>127651</v>
      </c>
      <c r="R7" s="17">
        <v>26</v>
      </c>
      <c r="S7" s="16">
        <v>303540</v>
      </c>
      <c r="T7" s="16">
        <v>4</v>
      </c>
      <c r="U7" s="16">
        <v>192069</v>
      </c>
      <c r="V7" s="18">
        <v>27</v>
      </c>
      <c r="W7" s="21">
        <v>2</v>
      </c>
      <c r="X7" s="16" t="s">
        <v>18</v>
      </c>
      <c r="Y7" s="16">
        <v>25837</v>
      </c>
      <c r="Z7" s="16">
        <v>19</v>
      </c>
      <c r="AA7" s="16">
        <v>42131</v>
      </c>
      <c r="AB7" s="16">
        <v>7</v>
      </c>
      <c r="AC7" s="17">
        <v>20582</v>
      </c>
      <c r="AD7" s="17">
        <v>15</v>
      </c>
      <c r="AE7" s="16">
        <v>34947</v>
      </c>
      <c r="AF7" s="16">
        <v>12</v>
      </c>
      <c r="AG7" s="16">
        <v>25844</v>
      </c>
      <c r="AH7" s="18">
        <v>19</v>
      </c>
      <c r="AI7" s="16">
        <v>350257</v>
      </c>
      <c r="AJ7" s="16">
        <v>28</v>
      </c>
      <c r="AK7" s="16">
        <v>641283</v>
      </c>
      <c r="AL7" s="16">
        <v>4</v>
      </c>
      <c r="AM7" s="17">
        <v>230992</v>
      </c>
      <c r="AN7" s="17">
        <v>30</v>
      </c>
      <c r="AO7" s="16">
        <v>557041</v>
      </c>
      <c r="AP7" s="19">
        <v>1</v>
      </c>
      <c r="AQ7" s="16">
        <v>350394</v>
      </c>
      <c r="AR7" s="20">
        <v>28</v>
      </c>
    </row>
    <row r="8" spans="1:44" ht="14.1" customHeight="1" x14ac:dyDescent="0.15">
      <c r="A8" s="21">
        <v>3</v>
      </c>
      <c r="B8" s="15" t="s">
        <v>19</v>
      </c>
      <c r="C8" s="16">
        <v>134542</v>
      </c>
      <c r="D8" s="16">
        <v>15</v>
      </c>
      <c r="E8" s="16">
        <v>126901</v>
      </c>
      <c r="F8" s="16">
        <v>12</v>
      </c>
      <c r="G8" s="17">
        <v>85718</v>
      </c>
      <c r="H8" s="17">
        <v>17</v>
      </c>
      <c r="I8" s="16">
        <v>190382</v>
      </c>
      <c r="J8" s="16">
        <v>12</v>
      </c>
      <c r="K8" s="16">
        <v>134538</v>
      </c>
      <c r="L8" s="18">
        <v>15</v>
      </c>
      <c r="M8" s="16">
        <v>221796</v>
      </c>
      <c r="N8" s="16">
        <v>5</v>
      </c>
      <c r="O8" s="16">
        <v>281183</v>
      </c>
      <c r="P8" s="16">
        <v>10</v>
      </c>
      <c r="Q8" s="17">
        <v>141891</v>
      </c>
      <c r="R8" s="17">
        <v>7</v>
      </c>
      <c r="S8" s="16">
        <v>313186</v>
      </c>
      <c r="T8" s="16">
        <v>2</v>
      </c>
      <c r="U8" s="16">
        <v>221824</v>
      </c>
      <c r="V8" s="18">
        <v>5</v>
      </c>
      <c r="W8" s="21">
        <v>3</v>
      </c>
      <c r="X8" s="16" t="s">
        <v>19</v>
      </c>
      <c r="Y8" s="16">
        <v>27540</v>
      </c>
      <c r="Z8" s="16">
        <v>9</v>
      </c>
      <c r="AA8" s="16">
        <v>41599</v>
      </c>
      <c r="AB8" s="16">
        <v>8</v>
      </c>
      <c r="AC8" s="17">
        <v>20954</v>
      </c>
      <c r="AD8" s="17">
        <v>11</v>
      </c>
      <c r="AE8" s="16">
        <v>35073</v>
      </c>
      <c r="AF8" s="16">
        <v>10</v>
      </c>
      <c r="AG8" s="16">
        <v>27547</v>
      </c>
      <c r="AH8" s="18">
        <v>9</v>
      </c>
      <c r="AI8" s="16">
        <v>390704</v>
      </c>
      <c r="AJ8" s="16">
        <v>8</v>
      </c>
      <c r="AK8" s="16">
        <v>471412</v>
      </c>
      <c r="AL8" s="16">
        <v>12</v>
      </c>
      <c r="AM8" s="17">
        <v>254680</v>
      </c>
      <c r="AN8" s="17">
        <v>13</v>
      </c>
      <c r="AO8" s="16">
        <v>546279</v>
      </c>
      <c r="AP8" s="19">
        <v>4</v>
      </c>
      <c r="AQ8" s="16">
        <v>390743</v>
      </c>
      <c r="AR8" s="20">
        <v>8</v>
      </c>
    </row>
    <row r="9" spans="1:44" ht="14.1" customHeight="1" x14ac:dyDescent="0.15">
      <c r="A9" s="21">
        <v>4</v>
      </c>
      <c r="B9" s="15" t="s">
        <v>20</v>
      </c>
      <c r="C9" s="16">
        <v>127492</v>
      </c>
      <c r="D9" s="16">
        <v>21</v>
      </c>
      <c r="E9" s="16">
        <v>243190</v>
      </c>
      <c r="F9" s="16">
        <v>3</v>
      </c>
      <c r="G9" s="17">
        <v>81852</v>
      </c>
      <c r="H9" s="17">
        <v>24</v>
      </c>
      <c r="I9" s="16">
        <v>183365</v>
      </c>
      <c r="J9" s="16">
        <v>19</v>
      </c>
      <c r="K9" s="16">
        <v>127540</v>
      </c>
      <c r="L9" s="18">
        <v>21</v>
      </c>
      <c r="M9" s="16">
        <v>204025</v>
      </c>
      <c r="N9" s="16">
        <v>15</v>
      </c>
      <c r="O9" s="16">
        <v>235467</v>
      </c>
      <c r="P9" s="16">
        <v>16</v>
      </c>
      <c r="Q9" s="17">
        <v>137248</v>
      </c>
      <c r="R9" s="17">
        <v>16</v>
      </c>
      <c r="S9" s="16">
        <v>285774</v>
      </c>
      <c r="T9" s="16">
        <v>17</v>
      </c>
      <c r="U9" s="16">
        <v>204038</v>
      </c>
      <c r="V9" s="18">
        <v>15</v>
      </c>
      <c r="W9" s="21">
        <v>4</v>
      </c>
      <c r="X9" s="16" t="s">
        <v>20</v>
      </c>
      <c r="Y9" s="16">
        <v>25805</v>
      </c>
      <c r="Z9" s="16">
        <v>20</v>
      </c>
      <c r="AA9" s="16">
        <v>41220</v>
      </c>
      <c r="AB9" s="16">
        <v>9</v>
      </c>
      <c r="AC9" s="17">
        <v>20064</v>
      </c>
      <c r="AD9" s="17">
        <v>20</v>
      </c>
      <c r="AE9" s="16">
        <v>32832</v>
      </c>
      <c r="AF9" s="16">
        <v>19</v>
      </c>
      <c r="AG9" s="16">
        <v>25811</v>
      </c>
      <c r="AH9" s="18">
        <v>20</v>
      </c>
      <c r="AI9" s="16">
        <v>364385</v>
      </c>
      <c r="AJ9" s="16">
        <v>18</v>
      </c>
      <c r="AK9" s="16">
        <v>564861</v>
      </c>
      <c r="AL9" s="16">
        <v>5</v>
      </c>
      <c r="AM9" s="17">
        <v>245119</v>
      </c>
      <c r="AN9" s="17">
        <v>18</v>
      </c>
      <c r="AO9" s="16">
        <v>510392</v>
      </c>
      <c r="AP9" s="19">
        <v>18</v>
      </c>
      <c r="AQ9" s="16">
        <v>364469</v>
      </c>
      <c r="AR9" s="20">
        <v>18</v>
      </c>
    </row>
    <row r="10" spans="1:44" ht="14.1" customHeight="1" x14ac:dyDescent="0.15">
      <c r="A10" s="21">
        <v>5</v>
      </c>
      <c r="B10" s="15" t="s">
        <v>21</v>
      </c>
      <c r="C10" s="16">
        <v>116495</v>
      </c>
      <c r="D10" s="16">
        <v>32</v>
      </c>
      <c r="E10" s="16">
        <v>195991</v>
      </c>
      <c r="F10" s="16">
        <v>6</v>
      </c>
      <c r="G10" s="17">
        <v>73952</v>
      </c>
      <c r="H10" s="17">
        <v>32</v>
      </c>
      <c r="I10" s="16">
        <v>170414</v>
      </c>
      <c r="J10" s="16">
        <v>30</v>
      </c>
      <c r="K10" s="16">
        <v>116554</v>
      </c>
      <c r="L10" s="18">
        <v>32</v>
      </c>
      <c r="M10" s="16">
        <v>202818</v>
      </c>
      <c r="N10" s="16">
        <v>17</v>
      </c>
      <c r="O10" s="16">
        <v>257857</v>
      </c>
      <c r="P10" s="16">
        <v>13</v>
      </c>
      <c r="Q10" s="17">
        <v>137344</v>
      </c>
      <c r="R10" s="17">
        <v>15</v>
      </c>
      <c r="S10" s="16">
        <v>285800</v>
      </c>
      <c r="T10" s="16">
        <v>16</v>
      </c>
      <c r="U10" s="16">
        <v>202859</v>
      </c>
      <c r="V10" s="18">
        <v>17</v>
      </c>
      <c r="W10" s="21">
        <v>5</v>
      </c>
      <c r="X10" s="16" t="s">
        <v>21</v>
      </c>
      <c r="Y10" s="16">
        <v>29775</v>
      </c>
      <c r="Z10" s="16">
        <v>3</v>
      </c>
      <c r="AA10" s="16">
        <v>44109</v>
      </c>
      <c r="AB10" s="16">
        <v>6</v>
      </c>
      <c r="AC10" s="17">
        <v>23752</v>
      </c>
      <c r="AD10" s="17">
        <v>2</v>
      </c>
      <c r="AE10" s="16">
        <v>37407</v>
      </c>
      <c r="AF10" s="16">
        <v>1</v>
      </c>
      <c r="AG10" s="16">
        <v>29785</v>
      </c>
      <c r="AH10" s="18">
        <v>3</v>
      </c>
      <c r="AI10" s="16">
        <v>354867</v>
      </c>
      <c r="AJ10" s="16">
        <v>23</v>
      </c>
      <c r="AK10" s="16">
        <v>514736</v>
      </c>
      <c r="AL10" s="16">
        <v>8</v>
      </c>
      <c r="AM10" s="17">
        <v>239699</v>
      </c>
      <c r="AN10" s="17">
        <v>25</v>
      </c>
      <c r="AO10" s="16">
        <v>500833</v>
      </c>
      <c r="AP10" s="19">
        <v>25</v>
      </c>
      <c r="AQ10" s="16">
        <v>354987</v>
      </c>
      <c r="AR10" s="20">
        <v>23</v>
      </c>
    </row>
    <row r="11" spans="1:44" ht="14.1" customHeight="1" x14ac:dyDescent="0.15">
      <c r="A11" s="21">
        <v>6</v>
      </c>
      <c r="B11" s="15" t="s">
        <v>22</v>
      </c>
      <c r="C11" s="16">
        <v>118829</v>
      </c>
      <c r="D11" s="16">
        <v>31</v>
      </c>
      <c r="E11" s="16">
        <v>131099</v>
      </c>
      <c r="F11" s="16">
        <v>10</v>
      </c>
      <c r="G11" s="17">
        <v>80618</v>
      </c>
      <c r="H11" s="17">
        <v>25</v>
      </c>
      <c r="I11" s="16">
        <v>172345</v>
      </c>
      <c r="J11" s="16">
        <v>28</v>
      </c>
      <c r="K11" s="16">
        <v>118835</v>
      </c>
      <c r="L11" s="18">
        <v>31</v>
      </c>
      <c r="M11" s="16">
        <v>197815</v>
      </c>
      <c r="N11" s="16">
        <v>20</v>
      </c>
      <c r="O11" s="16">
        <v>259584</v>
      </c>
      <c r="P11" s="16">
        <v>12</v>
      </c>
      <c r="Q11" s="17">
        <v>125049</v>
      </c>
      <c r="R11" s="17">
        <v>29</v>
      </c>
      <c r="S11" s="16">
        <v>299726</v>
      </c>
      <c r="T11" s="16">
        <v>7</v>
      </c>
      <c r="U11" s="16">
        <v>197847</v>
      </c>
      <c r="V11" s="18">
        <v>21</v>
      </c>
      <c r="W11" s="21">
        <v>6</v>
      </c>
      <c r="X11" s="16" t="s">
        <v>22</v>
      </c>
      <c r="Y11" s="16">
        <v>27549</v>
      </c>
      <c r="Z11" s="16">
        <v>8</v>
      </c>
      <c r="AA11" s="16">
        <v>29520</v>
      </c>
      <c r="AB11" s="16">
        <v>22</v>
      </c>
      <c r="AC11" s="17">
        <v>21753</v>
      </c>
      <c r="AD11" s="17">
        <v>7</v>
      </c>
      <c r="AE11" s="16">
        <v>35668</v>
      </c>
      <c r="AF11" s="16">
        <v>7</v>
      </c>
      <c r="AG11" s="16">
        <v>27550</v>
      </c>
      <c r="AH11" s="18">
        <v>8</v>
      </c>
      <c r="AI11" s="16">
        <v>351686</v>
      </c>
      <c r="AJ11" s="16">
        <v>26</v>
      </c>
      <c r="AK11" s="16">
        <v>438632</v>
      </c>
      <c r="AL11" s="16">
        <v>14</v>
      </c>
      <c r="AM11" s="17">
        <v>233924</v>
      </c>
      <c r="AN11" s="17">
        <v>28</v>
      </c>
      <c r="AO11" s="16">
        <v>516616</v>
      </c>
      <c r="AP11" s="19">
        <v>14</v>
      </c>
      <c r="AQ11" s="16">
        <v>351731</v>
      </c>
      <c r="AR11" s="20">
        <v>26</v>
      </c>
    </row>
    <row r="12" spans="1:44" ht="14.1" customHeight="1" x14ac:dyDescent="0.15">
      <c r="A12" s="21">
        <v>7</v>
      </c>
      <c r="B12" s="15" t="s">
        <v>23</v>
      </c>
      <c r="C12" s="16">
        <v>153342</v>
      </c>
      <c r="D12" s="16">
        <v>5</v>
      </c>
      <c r="E12" s="16">
        <v>29090</v>
      </c>
      <c r="F12" s="16">
        <v>13</v>
      </c>
      <c r="G12" s="17">
        <v>110101</v>
      </c>
      <c r="H12" s="17">
        <v>7</v>
      </c>
      <c r="I12" s="16">
        <v>203903</v>
      </c>
      <c r="J12" s="16">
        <v>6</v>
      </c>
      <c r="K12" s="16">
        <v>153208</v>
      </c>
      <c r="L12" s="18">
        <v>5</v>
      </c>
      <c r="M12" s="16">
        <v>213116</v>
      </c>
      <c r="N12" s="16">
        <v>6</v>
      </c>
      <c r="O12" s="16">
        <v>246756</v>
      </c>
      <c r="P12" s="16">
        <v>14</v>
      </c>
      <c r="Q12" s="17">
        <v>136878</v>
      </c>
      <c r="R12" s="17">
        <v>17</v>
      </c>
      <c r="S12" s="16">
        <v>302260</v>
      </c>
      <c r="T12" s="16">
        <v>5</v>
      </c>
      <c r="U12" s="16">
        <v>213153</v>
      </c>
      <c r="V12" s="18">
        <v>6</v>
      </c>
      <c r="W12" s="21">
        <v>7</v>
      </c>
      <c r="X12" s="16" t="s">
        <v>23</v>
      </c>
      <c r="Y12" s="16">
        <v>28005</v>
      </c>
      <c r="Z12" s="16">
        <v>6</v>
      </c>
      <c r="AA12" s="16">
        <v>59327</v>
      </c>
      <c r="AB12" s="16">
        <v>2</v>
      </c>
      <c r="AC12" s="17">
        <v>21853</v>
      </c>
      <c r="AD12" s="17">
        <v>5</v>
      </c>
      <c r="AE12" s="16">
        <v>35198</v>
      </c>
      <c r="AF12" s="16">
        <v>9</v>
      </c>
      <c r="AG12" s="16">
        <v>28039</v>
      </c>
      <c r="AH12" s="18">
        <v>6</v>
      </c>
      <c r="AI12" s="16">
        <v>400743</v>
      </c>
      <c r="AJ12" s="16">
        <v>5</v>
      </c>
      <c r="AK12" s="16">
        <v>340797</v>
      </c>
      <c r="AL12" s="16">
        <v>16</v>
      </c>
      <c r="AM12" s="17">
        <v>274225</v>
      </c>
      <c r="AN12" s="17">
        <v>7</v>
      </c>
      <c r="AO12" s="16">
        <v>548678</v>
      </c>
      <c r="AP12" s="19">
        <v>3</v>
      </c>
      <c r="AQ12" s="16">
        <v>400678</v>
      </c>
      <c r="AR12" s="20">
        <v>5</v>
      </c>
    </row>
    <row r="13" spans="1:44" ht="14.1" customHeight="1" x14ac:dyDescent="0.15">
      <c r="A13" s="21">
        <v>8</v>
      </c>
      <c r="B13" s="15" t="s">
        <v>24</v>
      </c>
      <c r="C13" s="16">
        <v>119558</v>
      </c>
      <c r="D13" s="16">
        <v>30</v>
      </c>
      <c r="E13" s="16">
        <v>144344</v>
      </c>
      <c r="F13" s="16">
        <v>8</v>
      </c>
      <c r="G13" s="17">
        <v>78417</v>
      </c>
      <c r="H13" s="17">
        <v>26</v>
      </c>
      <c r="I13" s="16">
        <v>172024</v>
      </c>
      <c r="J13" s="16">
        <v>29</v>
      </c>
      <c r="K13" s="16">
        <v>119570</v>
      </c>
      <c r="L13" s="18">
        <v>30</v>
      </c>
      <c r="M13" s="16">
        <v>197804</v>
      </c>
      <c r="N13" s="16">
        <v>21</v>
      </c>
      <c r="O13" s="16">
        <v>352728</v>
      </c>
      <c r="P13" s="16">
        <v>6</v>
      </c>
      <c r="Q13" s="17">
        <v>127198</v>
      </c>
      <c r="R13" s="17">
        <v>27</v>
      </c>
      <c r="S13" s="16">
        <v>287846</v>
      </c>
      <c r="T13" s="16">
        <v>14</v>
      </c>
      <c r="U13" s="16">
        <v>197880</v>
      </c>
      <c r="V13" s="18">
        <v>20</v>
      </c>
      <c r="W13" s="21">
        <v>8</v>
      </c>
      <c r="X13" s="16" t="s">
        <v>24</v>
      </c>
      <c r="Y13" s="16">
        <v>26643</v>
      </c>
      <c r="Z13" s="16">
        <v>16</v>
      </c>
      <c r="AA13" s="16">
        <v>33032</v>
      </c>
      <c r="AB13" s="16">
        <v>18</v>
      </c>
      <c r="AC13" s="17">
        <v>20415</v>
      </c>
      <c r="AD13" s="17">
        <v>18</v>
      </c>
      <c r="AE13" s="16">
        <v>34586</v>
      </c>
      <c r="AF13" s="16">
        <v>15</v>
      </c>
      <c r="AG13" s="16">
        <v>26646</v>
      </c>
      <c r="AH13" s="18">
        <v>16</v>
      </c>
      <c r="AI13" s="16">
        <v>350746</v>
      </c>
      <c r="AJ13" s="16">
        <v>27</v>
      </c>
      <c r="AK13" s="16">
        <v>559011</v>
      </c>
      <c r="AL13" s="16">
        <v>6</v>
      </c>
      <c r="AM13" s="17">
        <v>231466</v>
      </c>
      <c r="AN13" s="17">
        <v>29</v>
      </c>
      <c r="AO13" s="16">
        <v>502863</v>
      </c>
      <c r="AP13" s="19">
        <v>21</v>
      </c>
      <c r="AQ13" s="16">
        <v>350849</v>
      </c>
      <c r="AR13" s="20">
        <v>27</v>
      </c>
    </row>
    <row r="14" spans="1:44" ht="14.1" customHeight="1" x14ac:dyDescent="0.15">
      <c r="A14" s="21">
        <v>9</v>
      </c>
      <c r="B14" s="15" t="s">
        <v>25</v>
      </c>
      <c r="C14" s="16">
        <v>129751</v>
      </c>
      <c r="D14" s="16">
        <v>18</v>
      </c>
      <c r="E14" s="16">
        <v>-350</v>
      </c>
      <c r="F14" s="16">
        <v>32</v>
      </c>
      <c r="G14" s="17">
        <v>88150</v>
      </c>
      <c r="H14" s="17">
        <v>15</v>
      </c>
      <c r="I14" s="16">
        <v>183460</v>
      </c>
      <c r="J14" s="16">
        <v>18</v>
      </c>
      <c r="K14" s="16">
        <v>129671</v>
      </c>
      <c r="L14" s="18">
        <v>18</v>
      </c>
      <c r="M14" s="16">
        <v>211610</v>
      </c>
      <c r="N14" s="16">
        <v>7</v>
      </c>
      <c r="O14" s="16">
        <v>417533</v>
      </c>
      <c r="P14" s="16">
        <v>4</v>
      </c>
      <c r="Q14" s="17">
        <v>139862</v>
      </c>
      <c r="R14" s="17">
        <v>11</v>
      </c>
      <c r="S14" s="16">
        <v>304241</v>
      </c>
      <c r="T14" s="16">
        <v>3</v>
      </c>
      <c r="U14" s="16">
        <v>211736</v>
      </c>
      <c r="V14" s="18">
        <v>7</v>
      </c>
      <c r="W14" s="21">
        <v>9</v>
      </c>
      <c r="X14" s="16" t="s">
        <v>25</v>
      </c>
      <c r="Y14" s="16">
        <v>28574</v>
      </c>
      <c r="Z14" s="16">
        <v>4</v>
      </c>
      <c r="AA14" s="16">
        <v>54135</v>
      </c>
      <c r="AB14" s="16">
        <v>5</v>
      </c>
      <c r="AC14" s="17">
        <v>21822</v>
      </c>
      <c r="AD14" s="17">
        <v>6</v>
      </c>
      <c r="AE14" s="16">
        <v>37291</v>
      </c>
      <c r="AF14" s="16">
        <v>2</v>
      </c>
      <c r="AG14" s="16">
        <v>28590</v>
      </c>
      <c r="AH14" s="18">
        <v>4</v>
      </c>
      <c r="AI14" s="16">
        <v>377351</v>
      </c>
      <c r="AJ14" s="16">
        <v>12</v>
      </c>
      <c r="AK14" s="16">
        <v>504503</v>
      </c>
      <c r="AL14" s="16">
        <v>9</v>
      </c>
      <c r="AM14" s="17">
        <v>256725</v>
      </c>
      <c r="AN14" s="17">
        <v>12</v>
      </c>
      <c r="AO14" s="16">
        <v>533088</v>
      </c>
      <c r="AP14" s="19">
        <v>10</v>
      </c>
      <c r="AQ14" s="16">
        <v>377429</v>
      </c>
      <c r="AR14" s="20">
        <v>12</v>
      </c>
    </row>
    <row r="15" spans="1:44" ht="14.1" customHeight="1" x14ac:dyDescent="0.15">
      <c r="A15" s="21">
        <v>10</v>
      </c>
      <c r="B15" s="15" t="s">
        <v>26</v>
      </c>
      <c r="C15" s="16">
        <v>126570</v>
      </c>
      <c r="D15" s="16">
        <v>23</v>
      </c>
      <c r="E15" s="16">
        <v>391647</v>
      </c>
      <c r="F15" s="16">
        <v>2</v>
      </c>
      <c r="G15" s="17">
        <v>84556</v>
      </c>
      <c r="H15" s="17">
        <v>20</v>
      </c>
      <c r="I15" s="16">
        <v>184163</v>
      </c>
      <c r="J15" s="16">
        <v>16</v>
      </c>
      <c r="K15" s="16">
        <v>126718</v>
      </c>
      <c r="L15" s="18">
        <v>23</v>
      </c>
      <c r="M15" s="16">
        <v>192378</v>
      </c>
      <c r="N15" s="16">
        <v>26</v>
      </c>
      <c r="O15" s="16">
        <v>323807</v>
      </c>
      <c r="P15" s="16">
        <v>7</v>
      </c>
      <c r="Q15" s="17">
        <v>128639</v>
      </c>
      <c r="R15" s="17">
        <v>25</v>
      </c>
      <c r="S15" s="16">
        <v>279750</v>
      </c>
      <c r="T15" s="16">
        <v>21</v>
      </c>
      <c r="U15" s="16">
        <v>192451</v>
      </c>
      <c r="V15" s="18">
        <v>26</v>
      </c>
      <c r="W15" s="21">
        <v>10</v>
      </c>
      <c r="X15" s="16" t="s">
        <v>26</v>
      </c>
      <c r="Y15" s="16">
        <v>26298</v>
      </c>
      <c r="Z15" s="16">
        <v>18</v>
      </c>
      <c r="AA15" s="16">
        <v>34357</v>
      </c>
      <c r="AB15" s="16">
        <v>17</v>
      </c>
      <c r="AC15" s="17">
        <v>20319</v>
      </c>
      <c r="AD15" s="17">
        <v>19</v>
      </c>
      <c r="AE15" s="16">
        <v>34494</v>
      </c>
      <c r="AF15" s="16">
        <v>16</v>
      </c>
      <c r="AG15" s="16">
        <v>26303</v>
      </c>
      <c r="AH15" s="18">
        <v>18</v>
      </c>
      <c r="AI15" s="16">
        <v>352717</v>
      </c>
      <c r="AJ15" s="16">
        <v>24</v>
      </c>
      <c r="AK15" s="16">
        <v>765804</v>
      </c>
      <c r="AL15" s="16">
        <v>2</v>
      </c>
      <c r="AM15" s="17">
        <v>240027</v>
      </c>
      <c r="AN15" s="17">
        <v>24</v>
      </c>
      <c r="AO15" s="16">
        <v>507191</v>
      </c>
      <c r="AP15" s="19">
        <v>19</v>
      </c>
      <c r="AQ15" s="16">
        <v>352947</v>
      </c>
      <c r="AR15" s="20">
        <v>24</v>
      </c>
    </row>
    <row r="16" spans="1:44" ht="14.1" customHeight="1" x14ac:dyDescent="0.15">
      <c r="A16" s="21">
        <v>11</v>
      </c>
      <c r="B16" s="15" t="s">
        <v>27</v>
      </c>
      <c r="C16" s="16">
        <v>131946</v>
      </c>
      <c r="D16" s="16">
        <v>16</v>
      </c>
      <c r="E16" s="16">
        <v>5982</v>
      </c>
      <c r="F16" s="16">
        <v>16</v>
      </c>
      <c r="G16" s="17">
        <v>75860</v>
      </c>
      <c r="H16" s="17">
        <v>30</v>
      </c>
      <c r="I16" s="16">
        <v>203253</v>
      </c>
      <c r="J16" s="16">
        <v>7</v>
      </c>
      <c r="K16" s="16">
        <v>131831</v>
      </c>
      <c r="L16" s="18">
        <v>16</v>
      </c>
      <c r="M16" s="16">
        <v>209242</v>
      </c>
      <c r="N16" s="16">
        <v>10</v>
      </c>
      <c r="O16" s="16">
        <v>423420</v>
      </c>
      <c r="P16" s="16">
        <v>3</v>
      </c>
      <c r="Q16" s="17">
        <v>141816</v>
      </c>
      <c r="R16" s="17">
        <v>8</v>
      </c>
      <c r="S16" s="16">
        <v>294966</v>
      </c>
      <c r="T16" s="16">
        <v>9</v>
      </c>
      <c r="U16" s="16">
        <v>209438</v>
      </c>
      <c r="V16" s="18">
        <v>8</v>
      </c>
      <c r="W16" s="21">
        <v>11</v>
      </c>
      <c r="X16" s="16" t="s">
        <v>27</v>
      </c>
      <c r="Y16" s="16">
        <v>24970</v>
      </c>
      <c r="Z16" s="16">
        <v>24</v>
      </c>
      <c r="AA16" s="16">
        <v>56172</v>
      </c>
      <c r="AB16" s="16">
        <v>3</v>
      </c>
      <c r="AC16" s="17">
        <v>19377</v>
      </c>
      <c r="AD16" s="17">
        <v>23</v>
      </c>
      <c r="AE16" s="16">
        <v>32080</v>
      </c>
      <c r="AF16" s="16">
        <v>23</v>
      </c>
      <c r="AG16" s="16">
        <v>24998</v>
      </c>
      <c r="AH16" s="18">
        <v>24</v>
      </c>
      <c r="AI16" s="16">
        <v>371744</v>
      </c>
      <c r="AJ16" s="16">
        <v>14</v>
      </c>
      <c r="AK16" s="16">
        <v>489524</v>
      </c>
      <c r="AL16" s="16">
        <v>10</v>
      </c>
      <c r="AM16" s="17">
        <v>241502</v>
      </c>
      <c r="AN16" s="17">
        <v>22</v>
      </c>
      <c r="AO16" s="16">
        <v>537333</v>
      </c>
      <c r="AP16" s="19">
        <v>8</v>
      </c>
      <c r="AQ16" s="16">
        <v>371852</v>
      </c>
      <c r="AR16" s="20">
        <v>14</v>
      </c>
    </row>
    <row r="17" spans="1:44" ht="14.1" customHeight="1" x14ac:dyDescent="0.15">
      <c r="A17" s="21">
        <v>12</v>
      </c>
      <c r="B17" s="15" t="s">
        <v>28</v>
      </c>
      <c r="C17" s="16">
        <v>134854</v>
      </c>
      <c r="D17" s="16">
        <v>14</v>
      </c>
      <c r="E17" s="16">
        <v>4684</v>
      </c>
      <c r="F17" s="16">
        <v>17</v>
      </c>
      <c r="G17" s="17">
        <v>88496</v>
      </c>
      <c r="H17" s="17">
        <v>14</v>
      </c>
      <c r="I17" s="16">
        <v>183672</v>
      </c>
      <c r="J17" s="16">
        <v>17</v>
      </c>
      <c r="K17" s="16">
        <v>134763</v>
      </c>
      <c r="L17" s="18">
        <v>14</v>
      </c>
      <c r="M17" s="16">
        <v>197050</v>
      </c>
      <c r="N17" s="16">
        <v>22</v>
      </c>
      <c r="O17" s="16">
        <v>145174</v>
      </c>
      <c r="P17" s="16">
        <v>25</v>
      </c>
      <c r="Q17" s="17">
        <v>131653</v>
      </c>
      <c r="R17" s="17">
        <v>21</v>
      </c>
      <c r="S17" s="16">
        <v>265916</v>
      </c>
      <c r="T17" s="16">
        <v>31</v>
      </c>
      <c r="U17" s="16">
        <v>197013</v>
      </c>
      <c r="V17" s="18">
        <v>22</v>
      </c>
      <c r="W17" s="21">
        <v>12</v>
      </c>
      <c r="X17" s="16" t="s">
        <v>28</v>
      </c>
      <c r="Y17" s="16">
        <v>24686</v>
      </c>
      <c r="Z17" s="16">
        <v>26</v>
      </c>
      <c r="AA17" s="16">
        <v>27743</v>
      </c>
      <c r="AB17" s="16">
        <v>23</v>
      </c>
      <c r="AC17" s="17">
        <v>18959</v>
      </c>
      <c r="AD17" s="17">
        <v>27</v>
      </c>
      <c r="AE17" s="16">
        <v>30717</v>
      </c>
      <c r="AF17" s="16">
        <v>28</v>
      </c>
      <c r="AG17" s="16">
        <v>24689</v>
      </c>
      <c r="AH17" s="18">
        <v>26</v>
      </c>
      <c r="AI17" s="16">
        <v>362478</v>
      </c>
      <c r="AJ17" s="16">
        <v>20</v>
      </c>
      <c r="AK17" s="16">
        <v>185055</v>
      </c>
      <c r="AL17" s="16">
        <v>24</v>
      </c>
      <c r="AM17" s="17">
        <v>244332</v>
      </c>
      <c r="AN17" s="17">
        <v>19</v>
      </c>
      <c r="AO17" s="16">
        <v>486892</v>
      </c>
      <c r="AP17" s="19">
        <v>30</v>
      </c>
      <c r="AQ17" s="16">
        <v>362354</v>
      </c>
      <c r="AR17" s="20">
        <v>20</v>
      </c>
    </row>
    <row r="18" spans="1:44" ht="14.1" customHeight="1" x14ac:dyDescent="0.15">
      <c r="A18" s="21">
        <v>13</v>
      </c>
      <c r="B18" s="15" t="s">
        <v>29</v>
      </c>
      <c r="C18" s="16">
        <v>127403</v>
      </c>
      <c r="D18" s="16">
        <v>22</v>
      </c>
      <c r="E18" s="16">
        <v>127732</v>
      </c>
      <c r="F18" s="16">
        <v>11</v>
      </c>
      <c r="G18" s="17">
        <v>87552</v>
      </c>
      <c r="H18" s="17">
        <v>16</v>
      </c>
      <c r="I18" s="16">
        <v>179009</v>
      </c>
      <c r="J18" s="16">
        <v>26</v>
      </c>
      <c r="K18" s="16">
        <v>127403</v>
      </c>
      <c r="L18" s="18">
        <v>22</v>
      </c>
      <c r="M18" s="16">
        <v>195039</v>
      </c>
      <c r="N18" s="16">
        <v>23</v>
      </c>
      <c r="O18" s="16">
        <v>308756</v>
      </c>
      <c r="P18" s="16">
        <v>8</v>
      </c>
      <c r="Q18" s="17">
        <v>131361</v>
      </c>
      <c r="R18" s="17">
        <v>22</v>
      </c>
      <c r="S18" s="16">
        <v>277500</v>
      </c>
      <c r="T18" s="16">
        <v>24</v>
      </c>
      <c r="U18" s="16">
        <v>195130</v>
      </c>
      <c r="V18" s="18">
        <v>23</v>
      </c>
      <c r="W18" s="21">
        <v>13</v>
      </c>
      <c r="X18" s="16" t="s">
        <v>29</v>
      </c>
      <c r="Y18" s="16">
        <v>23970</v>
      </c>
      <c r="Z18" s="16">
        <v>29</v>
      </c>
      <c r="AA18" s="16">
        <v>31941</v>
      </c>
      <c r="AB18" s="16">
        <v>19</v>
      </c>
      <c r="AC18" s="17">
        <v>18296</v>
      </c>
      <c r="AD18" s="17">
        <v>30</v>
      </c>
      <c r="AE18" s="16">
        <v>31317</v>
      </c>
      <c r="AF18" s="16">
        <v>26</v>
      </c>
      <c r="AG18" s="16">
        <v>23976</v>
      </c>
      <c r="AH18" s="18">
        <v>29</v>
      </c>
      <c r="AI18" s="16">
        <v>351865</v>
      </c>
      <c r="AJ18" s="16">
        <v>25</v>
      </c>
      <c r="AK18" s="16">
        <v>481400</v>
      </c>
      <c r="AL18" s="16">
        <v>11</v>
      </c>
      <c r="AM18" s="17">
        <v>242292</v>
      </c>
      <c r="AN18" s="17">
        <v>21</v>
      </c>
      <c r="AO18" s="16">
        <v>493759</v>
      </c>
      <c r="AP18" s="19">
        <v>27</v>
      </c>
      <c r="AQ18" s="16">
        <v>351968</v>
      </c>
      <c r="AR18" s="20">
        <v>25</v>
      </c>
    </row>
    <row r="19" spans="1:44" ht="14.1" customHeight="1" x14ac:dyDescent="0.15">
      <c r="A19" s="21">
        <v>14</v>
      </c>
      <c r="B19" s="15" t="s">
        <v>30</v>
      </c>
      <c r="C19" s="16">
        <v>120465</v>
      </c>
      <c r="D19" s="16">
        <v>29</v>
      </c>
      <c r="E19" s="16">
        <v>20878</v>
      </c>
      <c r="F19" s="16">
        <v>14</v>
      </c>
      <c r="G19" s="17">
        <v>83934</v>
      </c>
      <c r="H19" s="17">
        <v>22</v>
      </c>
      <c r="I19" s="16">
        <v>176666</v>
      </c>
      <c r="J19" s="16">
        <v>27</v>
      </c>
      <c r="K19" s="16">
        <v>120431</v>
      </c>
      <c r="L19" s="18">
        <v>29</v>
      </c>
      <c r="M19" s="16">
        <v>189823</v>
      </c>
      <c r="N19" s="16">
        <v>30</v>
      </c>
      <c r="O19" s="16">
        <v>194581</v>
      </c>
      <c r="P19" s="16">
        <v>20</v>
      </c>
      <c r="Q19" s="17">
        <v>129667</v>
      </c>
      <c r="R19" s="17">
        <v>24</v>
      </c>
      <c r="S19" s="16">
        <v>282371</v>
      </c>
      <c r="T19" s="16">
        <v>18</v>
      </c>
      <c r="U19" s="16">
        <v>189825</v>
      </c>
      <c r="V19" s="18">
        <v>30</v>
      </c>
      <c r="W19" s="21">
        <v>14</v>
      </c>
      <c r="X19" s="16" t="s">
        <v>30</v>
      </c>
      <c r="Y19" s="16">
        <v>25388</v>
      </c>
      <c r="Z19" s="16">
        <v>21</v>
      </c>
      <c r="AA19" s="16">
        <v>36899</v>
      </c>
      <c r="AB19" s="16">
        <v>14</v>
      </c>
      <c r="AC19" s="17">
        <v>19844</v>
      </c>
      <c r="AD19" s="17">
        <v>22</v>
      </c>
      <c r="AE19" s="16">
        <v>33918</v>
      </c>
      <c r="AF19" s="16">
        <v>17</v>
      </c>
      <c r="AG19" s="16">
        <v>25392</v>
      </c>
      <c r="AH19" s="18">
        <v>21</v>
      </c>
      <c r="AI19" s="16">
        <v>342699</v>
      </c>
      <c r="AJ19" s="16">
        <v>31</v>
      </c>
      <c r="AK19" s="16">
        <v>258849</v>
      </c>
      <c r="AL19" s="16">
        <v>21</v>
      </c>
      <c r="AM19" s="17">
        <v>239664</v>
      </c>
      <c r="AN19" s="17">
        <v>26</v>
      </c>
      <c r="AO19" s="16">
        <v>501214</v>
      </c>
      <c r="AP19" s="19">
        <v>24</v>
      </c>
      <c r="AQ19" s="16">
        <v>342671</v>
      </c>
      <c r="AR19" s="20">
        <v>31</v>
      </c>
    </row>
    <row r="20" spans="1:44" ht="14.1" customHeight="1" x14ac:dyDescent="0.15">
      <c r="A20" s="21">
        <v>15</v>
      </c>
      <c r="B20" s="15" t="s">
        <v>31</v>
      </c>
      <c r="C20" s="16">
        <v>130340</v>
      </c>
      <c r="D20" s="16">
        <v>17</v>
      </c>
      <c r="E20" s="16">
        <v>131605</v>
      </c>
      <c r="F20" s="16">
        <v>9</v>
      </c>
      <c r="G20" s="17">
        <v>85516</v>
      </c>
      <c r="H20" s="17">
        <v>18</v>
      </c>
      <c r="I20" s="16">
        <v>182528</v>
      </c>
      <c r="J20" s="16">
        <v>20</v>
      </c>
      <c r="K20" s="16">
        <v>130342</v>
      </c>
      <c r="L20" s="18">
        <v>17</v>
      </c>
      <c r="M20" s="16">
        <v>207120</v>
      </c>
      <c r="N20" s="16">
        <v>12</v>
      </c>
      <c r="O20" s="16">
        <v>485056</v>
      </c>
      <c r="P20" s="16">
        <v>2</v>
      </c>
      <c r="Q20" s="17">
        <v>137665</v>
      </c>
      <c r="R20" s="17">
        <v>13</v>
      </c>
      <c r="S20" s="16">
        <v>287986</v>
      </c>
      <c r="T20" s="16">
        <v>12</v>
      </c>
      <c r="U20" s="16">
        <v>207467</v>
      </c>
      <c r="V20" s="18">
        <v>12</v>
      </c>
      <c r="W20" s="21">
        <v>15</v>
      </c>
      <c r="X20" s="16" t="s">
        <v>31</v>
      </c>
      <c r="Y20" s="16">
        <v>27365</v>
      </c>
      <c r="Z20" s="16">
        <v>12</v>
      </c>
      <c r="AA20" s="16">
        <v>41060</v>
      </c>
      <c r="AB20" s="16">
        <v>10</v>
      </c>
      <c r="AC20" s="17">
        <v>20789</v>
      </c>
      <c r="AD20" s="17">
        <v>12</v>
      </c>
      <c r="AE20" s="16">
        <v>35022</v>
      </c>
      <c r="AF20" s="16">
        <v>11</v>
      </c>
      <c r="AG20" s="16">
        <v>27382</v>
      </c>
      <c r="AH20" s="18">
        <v>12</v>
      </c>
      <c r="AI20" s="16">
        <v>372100</v>
      </c>
      <c r="AJ20" s="16">
        <v>13</v>
      </c>
      <c r="AK20" s="16">
        <v>673586</v>
      </c>
      <c r="AL20" s="16">
        <v>3</v>
      </c>
      <c r="AM20" s="17">
        <v>249672</v>
      </c>
      <c r="AN20" s="17">
        <v>16</v>
      </c>
      <c r="AO20" s="16">
        <v>514640</v>
      </c>
      <c r="AP20" s="19">
        <v>15</v>
      </c>
      <c r="AQ20" s="16">
        <v>372476</v>
      </c>
      <c r="AR20" s="20">
        <v>13</v>
      </c>
    </row>
    <row r="21" spans="1:44" ht="14.1" customHeight="1" x14ac:dyDescent="0.15">
      <c r="A21" s="21">
        <v>16</v>
      </c>
      <c r="B21" s="15" t="s">
        <v>32</v>
      </c>
      <c r="C21" s="16">
        <v>124186</v>
      </c>
      <c r="D21" s="16">
        <v>28</v>
      </c>
      <c r="E21" s="16">
        <v>-70</v>
      </c>
      <c r="F21" s="16">
        <v>30</v>
      </c>
      <c r="G21" s="17">
        <v>91844</v>
      </c>
      <c r="H21" s="17">
        <v>12</v>
      </c>
      <c r="I21" s="16">
        <v>163807</v>
      </c>
      <c r="J21" s="16">
        <v>32</v>
      </c>
      <c r="K21" s="16">
        <v>124141</v>
      </c>
      <c r="L21" s="18">
        <v>28</v>
      </c>
      <c r="M21" s="16">
        <v>194392</v>
      </c>
      <c r="N21" s="16">
        <v>24</v>
      </c>
      <c r="O21" s="16">
        <v>104716</v>
      </c>
      <c r="P21" s="16">
        <v>28</v>
      </c>
      <c r="Q21" s="17">
        <v>133420</v>
      </c>
      <c r="R21" s="17">
        <v>19</v>
      </c>
      <c r="S21" s="16">
        <v>269087</v>
      </c>
      <c r="T21" s="16">
        <v>30</v>
      </c>
      <c r="U21" s="16">
        <v>194360</v>
      </c>
      <c r="V21" s="18">
        <v>24</v>
      </c>
      <c r="W21" s="21">
        <v>16</v>
      </c>
      <c r="X21" s="16" t="s">
        <v>32</v>
      </c>
      <c r="Y21" s="16">
        <v>25086</v>
      </c>
      <c r="Z21" s="16">
        <v>23</v>
      </c>
      <c r="AA21" s="16">
        <v>19593</v>
      </c>
      <c r="AB21" s="16">
        <v>27</v>
      </c>
      <c r="AC21" s="17">
        <v>19097</v>
      </c>
      <c r="AD21" s="17">
        <v>24</v>
      </c>
      <c r="AE21" s="16">
        <v>32423</v>
      </c>
      <c r="AF21" s="16">
        <v>20</v>
      </c>
      <c r="AG21" s="16">
        <v>25084</v>
      </c>
      <c r="AH21" s="18">
        <v>23</v>
      </c>
      <c r="AI21" s="16">
        <v>349561</v>
      </c>
      <c r="AJ21" s="16">
        <v>29</v>
      </c>
      <c r="AK21" s="16">
        <v>125240</v>
      </c>
      <c r="AL21" s="16">
        <v>28</v>
      </c>
      <c r="AM21" s="17">
        <v>250138</v>
      </c>
      <c r="AN21" s="17">
        <v>15</v>
      </c>
      <c r="AO21" s="16">
        <v>471362</v>
      </c>
      <c r="AP21" s="19">
        <v>31</v>
      </c>
      <c r="AQ21" s="16">
        <v>349480</v>
      </c>
      <c r="AR21" s="20">
        <v>29</v>
      </c>
    </row>
    <row r="22" spans="1:44" ht="14.1" customHeight="1" x14ac:dyDescent="0.15">
      <c r="A22" s="21">
        <v>17</v>
      </c>
      <c r="B22" s="15" t="s">
        <v>33</v>
      </c>
      <c r="C22" s="16">
        <v>125012</v>
      </c>
      <c r="D22" s="16">
        <v>27</v>
      </c>
      <c r="E22" s="16">
        <v>-88</v>
      </c>
      <c r="F22" s="16">
        <v>31</v>
      </c>
      <c r="G22" s="17">
        <v>84880</v>
      </c>
      <c r="H22" s="17">
        <v>19</v>
      </c>
      <c r="I22" s="16">
        <v>180796</v>
      </c>
      <c r="J22" s="16">
        <v>24</v>
      </c>
      <c r="K22" s="16">
        <v>124943</v>
      </c>
      <c r="L22" s="22">
        <v>27</v>
      </c>
      <c r="M22" s="23">
        <v>190299</v>
      </c>
      <c r="N22" s="16">
        <v>29</v>
      </c>
      <c r="O22" s="16">
        <v>205642</v>
      </c>
      <c r="P22" s="16">
        <v>19</v>
      </c>
      <c r="Q22" s="17">
        <v>126939</v>
      </c>
      <c r="R22" s="17">
        <v>28</v>
      </c>
      <c r="S22" s="16">
        <v>278371</v>
      </c>
      <c r="T22" s="16">
        <v>22</v>
      </c>
      <c r="U22" s="16">
        <v>190308</v>
      </c>
      <c r="V22" s="22">
        <v>29</v>
      </c>
      <c r="W22" s="21">
        <v>17</v>
      </c>
      <c r="X22" s="16" t="s">
        <v>33</v>
      </c>
      <c r="Y22" s="16">
        <v>26411</v>
      </c>
      <c r="Z22" s="16">
        <v>17</v>
      </c>
      <c r="AA22" s="16">
        <v>39379</v>
      </c>
      <c r="AB22" s="16">
        <v>13</v>
      </c>
      <c r="AC22" s="17">
        <v>20472</v>
      </c>
      <c r="AD22" s="17">
        <v>16</v>
      </c>
      <c r="AE22" s="16">
        <v>34666</v>
      </c>
      <c r="AF22" s="16">
        <v>14</v>
      </c>
      <c r="AG22" s="16">
        <v>26418</v>
      </c>
      <c r="AH22" s="18">
        <v>17</v>
      </c>
      <c r="AI22" s="16">
        <v>348467</v>
      </c>
      <c r="AJ22" s="16">
        <v>30</v>
      </c>
      <c r="AK22" s="16">
        <v>248430</v>
      </c>
      <c r="AL22" s="16">
        <v>22</v>
      </c>
      <c r="AM22" s="17">
        <v>238091</v>
      </c>
      <c r="AN22" s="17">
        <v>27</v>
      </c>
      <c r="AO22" s="16">
        <v>501892</v>
      </c>
      <c r="AP22" s="19">
        <v>23</v>
      </c>
      <c r="AQ22" s="16">
        <v>348412</v>
      </c>
      <c r="AR22" s="20">
        <v>30</v>
      </c>
    </row>
    <row r="23" spans="1:44" ht="14.1" customHeight="1" x14ac:dyDescent="0.15">
      <c r="A23" s="21">
        <v>18</v>
      </c>
      <c r="B23" s="15" t="s">
        <v>34</v>
      </c>
      <c r="C23" s="16">
        <v>152782</v>
      </c>
      <c r="D23" s="16">
        <v>6</v>
      </c>
      <c r="E23" s="16">
        <v>221412</v>
      </c>
      <c r="F23" s="16">
        <v>5</v>
      </c>
      <c r="G23" s="17">
        <v>111632</v>
      </c>
      <c r="H23" s="17">
        <v>5</v>
      </c>
      <c r="I23" s="16">
        <v>196315</v>
      </c>
      <c r="J23" s="16">
        <v>10</v>
      </c>
      <c r="K23" s="16">
        <v>152944</v>
      </c>
      <c r="L23" s="22">
        <v>6</v>
      </c>
      <c r="M23" s="23">
        <v>209243</v>
      </c>
      <c r="N23" s="16">
        <v>9</v>
      </c>
      <c r="O23" s="16">
        <v>175979</v>
      </c>
      <c r="P23" s="16">
        <v>22</v>
      </c>
      <c r="Q23" s="17">
        <v>142289</v>
      </c>
      <c r="R23" s="17">
        <v>6</v>
      </c>
      <c r="S23" s="16">
        <v>280073</v>
      </c>
      <c r="T23" s="16">
        <v>20</v>
      </c>
      <c r="U23" s="16">
        <v>209164</v>
      </c>
      <c r="V23" s="22">
        <v>9</v>
      </c>
      <c r="W23" s="21">
        <v>18</v>
      </c>
      <c r="X23" s="16" t="s">
        <v>34</v>
      </c>
      <c r="Y23" s="16">
        <v>28387</v>
      </c>
      <c r="Z23" s="16">
        <v>5</v>
      </c>
      <c r="AA23" s="16">
        <v>25699</v>
      </c>
      <c r="AB23" s="16">
        <v>24</v>
      </c>
      <c r="AC23" s="17">
        <v>21596</v>
      </c>
      <c r="AD23" s="17">
        <v>8</v>
      </c>
      <c r="AE23" s="16">
        <v>35571</v>
      </c>
      <c r="AF23" s="16">
        <v>8</v>
      </c>
      <c r="AG23" s="24">
        <v>28381</v>
      </c>
      <c r="AH23" s="18">
        <v>5</v>
      </c>
      <c r="AI23" s="16">
        <v>395852</v>
      </c>
      <c r="AJ23" s="16">
        <v>7</v>
      </c>
      <c r="AK23" s="16">
        <v>448856</v>
      </c>
      <c r="AL23" s="16">
        <v>13</v>
      </c>
      <c r="AM23" s="17">
        <v>279884</v>
      </c>
      <c r="AN23" s="17">
        <v>6</v>
      </c>
      <c r="AO23" s="16">
        <v>518535</v>
      </c>
      <c r="AP23" s="19">
        <v>13</v>
      </c>
      <c r="AQ23" s="16">
        <v>395977</v>
      </c>
      <c r="AR23" s="20">
        <v>7</v>
      </c>
    </row>
    <row r="24" spans="1:44" ht="14.1" customHeight="1" x14ac:dyDescent="0.15">
      <c r="A24" s="21">
        <v>19</v>
      </c>
      <c r="B24" s="15" t="s">
        <v>35</v>
      </c>
      <c r="C24" s="16">
        <v>108671</v>
      </c>
      <c r="D24" s="16">
        <v>33</v>
      </c>
      <c r="E24" s="16">
        <v>-7068</v>
      </c>
      <c r="F24" s="16">
        <v>33</v>
      </c>
      <c r="G24" s="17">
        <v>59401</v>
      </c>
      <c r="H24" s="17">
        <v>33</v>
      </c>
      <c r="I24" s="16">
        <v>179595</v>
      </c>
      <c r="J24" s="16">
        <v>25</v>
      </c>
      <c r="K24" s="16">
        <v>108613</v>
      </c>
      <c r="L24" s="22">
        <v>33</v>
      </c>
      <c r="M24" s="23">
        <v>187963</v>
      </c>
      <c r="N24" s="16">
        <v>31</v>
      </c>
      <c r="O24" s="16">
        <v>177223</v>
      </c>
      <c r="P24" s="16">
        <v>21</v>
      </c>
      <c r="Q24" s="17">
        <v>115941</v>
      </c>
      <c r="R24" s="17">
        <v>33</v>
      </c>
      <c r="S24" s="16">
        <v>291641</v>
      </c>
      <c r="T24" s="16">
        <v>11</v>
      </c>
      <c r="U24" s="16">
        <v>187958</v>
      </c>
      <c r="V24" s="22">
        <v>31</v>
      </c>
      <c r="W24" s="21">
        <v>19</v>
      </c>
      <c r="X24" s="25" t="s">
        <v>35</v>
      </c>
      <c r="Y24" s="16">
        <v>27650</v>
      </c>
      <c r="Z24" s="16">
        <v>7</v>
      </c>
      <c r="AA24" s="16">
        <v>36405</v>
      </c>
      <c r="AB24" s="16">
        <v>15</v>
      </c>
      <c r="AC24" s="17">
        <v>22077</v>
      </c>
      <c r="AD24" s="17">
        <v>4</v>
      </c>
      <c r="AE24" s="16">
        <v>35673</v>
      </c>
      <c r="AF24" s="16">
        <v>6</v>
      </c>
      <c r="AG24" s="16">
        <v>27655</v>
      </c>
      <c r="AH24" s="18">
        <v>7</v>
      </c>
      <c r="AI24" s="16">
        <v>329019</v>
      </c>
      <c r="AJ24" s="16">
        <v>33</v>
      </c>
      <c r="AK24" s="16">
        <v>206560</v>
      </c>
      <c r="AL24" s="16">
        <v>23</v>
      </c>
      <c r="AM24" s="17">
        <v>200474</v>
      </c>
      <c r="AN24" s="17">
        <v>33</v>
      </c>
      <c r="AO24" s="16">
        <v>514061</v>
      </c>
      <c r="AP24" s="19">
        <v>16</v>
      </c>
      <c r="AQ24" s="25">
        <v>328958</v>
      </c>
      <c r="AR24" s="20">
        <v>33</v>
      </c>
    </row>
    <row r="25" spans="1:44" ht="14.1" customHeight="1" x14ac:dyDescent="0.15">
      <c r="A25" s="21">
        <v>20</v>
      </c>
      <c r="B25" s="15" t="s">
        <v>36</v>
      </c>
      <c r="C25" s="16">
        <v>126110</v>
      </c>
      <c r="D25" s="16">
        <v>24</v>
      </c>
      <c r="E25" s="16">
        <v>0</v>
      </c>
      <c r="F25" s="16">
        <v>20</v>
      </c>
      <c r="G25" s="17">
        <v>78203</v>
      </c>
      <c r="H25" s="17">
        <v>27</v>
      </c>
      <c r="I25" s="16">
        <v>181803</v>
      </c>
      <c r="J25" s="16">
        <v>21</v>
      </c>
      <c r="K25" s="16">
        <v>126028</v>
      </c>
      <c r="L25" s="22">
        <v>24</v>
      </c>
      <c r="M25" s="23">
        <v>199539</v>
      </c>
      <c r="N25" s="16">
        <v>19</v>
      </c>
      <c r="O25" s="16">
        <v>293823</v>
      </c>
      <c r="P25" s="16">
        <v>9</v>
      </c>
      <c r="Q25" s="17">
        <v>139518</v>
      </c>
      <c r="R25" s="17">
        <v>12</v>
      </c>
      <c r="S25" s="16">
        <v>269314</v>
      </c>
      <c r="T25" s="16">
        <v>29</v>
      </c>
      <c r="U25" s="16">
        <v>199600</v>
      </c>
      <c r="V25" s="22">
        <v>19</v>
      </c>
      <c r="W25" s="21">
        <v>20</v>
      </c>
      <c r="X25" s="16" t="s">
        <v>36</v>
      </c>
      <c r="Y25" s="16">
        <v>23976</v>
      </c>
      <c r="Z25" s="16">
        <v>28</v>
      </c>
      <c r="AA25" s="16">
        <v>55386</v>
      </c>
      <c r="AB25" s="16">
        <v>4</v>
      </c>
      <c r="AC25" s="17">
        <v>18494</v>
      </c>
      <c r="AD25" s="17">
        <v>28</v>
      </c>
      <c r="AE25" s="16">
        <v>30350</v>
      </c>
      <c r="AF25" s="16">
        <v>29</v>
      </c>
      <c r="AG25" s="16">
        <v>23997</v>
      </c>
      <c r="AH25" s="18">
        <v>28</v>
      </c>
      <c r="AI25" s="16">
        <v>357045</v>
      </c>
      <c r="AJ25" s="16">
        <v>21</v>
      </c>
      <c r="AK25" s="16">
        <v>349849</v>
      </c>
      <c r="AL25" s="16">
        <v>15</v>
      </c>
      <c r="AM25" s="17">
        <v>243564</v>
      </c>
      <c r="AN25" s="17">
        <v>20</v>
      </c>
      <c r="AO25" s="16">
        <v>488969</v>
      </c>
      <c r="AP25" s="19">
        <v>29</v>
      </c>
      <c r="AQ25" s="16">
        <v>357040</v>
      </c>
      <c r="AR25" s="20">
        <v>21</v>
      </c>
    </row>
    <row r="26" spans="1:44" ht="14.1" customHeight="1" x14ac:dyDescent="0.15">
      <c r="A26" s="21">
        <v>21</v>
      </c>
      <c r="B26" s="15" t="s">
        <v>37</v>
      </c>
      <c r="C26" s="16">
        <v>127753</v>
      </c>
      <c r="D26" s="16">
        <v>20</v>
      </c>
      <c r="E26" s="16">
        <v>9784</v>
      </c>
      <c r="F26" s="16">
        <v>15</v>
      </c>
      <c r="G26" s="17">
        <v>84343</v>
      </c>
      <c r="H26" s="17">
        <v>21</v>
      </c>
      <c r="I26" s="16">
        <v>185268</v>
      </c>
      <c r="J26" s="16">
        <v>13</v>
      </c>
      <c r="K26" s="16">
        <v>127664</v>
      </c>
      <c r="L26" s="22">
        <v>20</v>
      </c>
      <c r="M26" s="23">
        <v>194146</v>
      </c>
      <c r="N26" s="16">
        <v>25</v>
      </c>
      <c r="O26" s="16">
        <v>242608</v>
      </c>
      <c r="P26" s="16">
        <v>15</v>
      </c>
      <c r="Q26" s="17">
        <v>130744</v>
      </c>
      <c r="R26" s="17">
        <v>23</v>
      </c>
      <c r="S26" s="16">
        <v>278148</v>
      </c>
      <c r="T26" s="16">
        <v>23</v>
      </c>
      <c r="U26" s="16">
        <v>194182</v>
      </c>
      <c r="V26" s="22">
        <v>25</v>
      </c>
      <c r="W26" s="21">
        <v>21</v>
      </c>
      <c r="X26" s="16" t="s">
        <v>37</v>
      </c>
      <c r="Y26" s="16">
        <v>26813</v>
      </c>
      <c r="Z26" s="16">
        <v>14</v>
      </c>
      <c r="AA26" s="16">
        <v>30665</v>
      </c>
      <c r="AB26" s="16">
        <v>21</v>
      </c>
      <c r="AC26" s="17">
        <v>20686</v>
      </c>
      <c r="AD26" s="17">
        <v>13</v>
      </c>
      <c r="AE26" s="16">
        <v>34931</v>
      </c>
      <c r="AF26" s="16">
        <v>13</v>
      </c>
      <c r="AG26" s="16">
        <v>26816</v>
      </c>
      <c r="AH26" s="18">
        <v>14</v>
      </c>
      <c r="AI26" s="16">
        <v>355184</v>
      </c>
      <c r="AJ26" s="16">
        <v>22</v>
      </c>
      <c r="AK26" s="16">
        <v>287245</v>
      </c>
      <c r="AL26" s="16">
        <v>20</v>
      </c>
      <c r="AM26" s="17">
        <v>241252</v>
      </c>
      <c r="AN26" s="17">
        <v>23</v>
      </c>
      <c r="AO26" s="16">
        <v>506135</v>
      </c>
      <c r="AP26" s="19">
        <v>20</v>
      </c>
      <c r="AQ26" s="16">
        <v>355133</v>
      </c>
      <c r="AR26" s="26">
        <v>22</v>
      </c>
    </row>
    <row r="27" spans="1:44" ht="14.1" customHeight="1" x14ac:dyDescent="0.15">
      <c r="A27" s="21">
        <v>22</v>
      </c>
      <c r="B27" s="15" t="s">
        <v>38</v>
      </c>
      <c r="C27" s="16">
        <v>140376</v>
      </c>
      <c r="D27" s="16">
        <v>11</v>
      </c>
      <c r="E27" s="16">
        <v>0</v>
      </c>
      <c r="F27" s="16">
        <v>20</v>
      </c>
      <c r="G27" s="17">
        <v>111029</v>
      </c>
      <c r="H27" s="17">
        <v>6</v>
      </c>
      <c r="I27" s="16">
        <v>169412</v>
      </c>
      <c r="J27" s="16">
        <v>31</v>
      </c>
      <c r="K27" s="16">
        <v>140323</v>
      </c>
      <c r="L27" s="22">
        <v>12</v>
      </c>
      <c r="M27" s="23">
        <v>208799</v>
      </c>
      <c r="N27" s="16">
        <v>11</v>
      </c>
      <c r="O27" s="16">
        <v>149547</v>
      </c>
      <c r="P27" s="16">
        <v>24</v>
      </c>
      <c r="Q27" s="17">
        <v>124692</v>
      </c>
      <c r="R27" s="17">
        <v>30</v>
      </c>
      <c r="S27" s="16">
        <v>292014</v>
      </c>
      <c r="T27" s="16">
        <v>10</v>
      </c>
      <c r="U27" s="16">
        <v>208777</v>
      </c>
      <c r="V27" s="22">
        <v>10</v>
      </c>
      <c r="W27" s="21">
        <v>22</v>
      </c>
      <c r="X27" s="16" t="s">
        <v>38</v>
      </c>
      <c r="Y27" s="16">
        <v>26846</v>
      </c>
      <c r="Z27" s="16">
        <v>13</v>
      </c>
      <c r="AA27" s="16">
        <v>22167</v>
      </c>
      <c r="AB27" s="16">
        <v>26</v>
      </c>
      <c r="AC27" s="17">
        <v>20431</v>
      </c>
      <c r="AD27" s="17">
        <v>17</v>
      </c>
      <c r="AE27" s="16">
        <v>33192</v>
      </c>
      <c r="AF27" s="16">
        <v>18</v>
      </c>
      <c r="AG27" s="16">
        <v>26844</v>
      </c>
      <c r="AH27" s="18">
        <v>13</v>
      </c>
      <c r="AI27" s="16">
        <v>381723</v>
      </c>
      <c r="AJ27" s="16">
        <v>9</v>
      </c>
      <c r="AK27" s="16">
        <v>322450</v>
      </c>
      <c r="AL27" s="16">
        <v>18</v>
      </c>
      <c r="AM27" s="17">
        <v>259807</v>
      </c>
      <c r="AN27" s="17">
        <v>11</v>
      </c>
      <c r="AO27" s="16">
        <v>502344</v>
      </c>
      <c r="AP27" s="19">
        <v>22</v>
      </c>
      <c r="AQ27" s="16">
        <v>381701</v>
      </c>
      <c r="AR27" s="27">
        <v>9</v>
      </c>
    </row>
    <row r="28" spans="1:44" ht="14.1" customHeight="1" x14ac:dyDescent="0.15">
      <c r="A28" s="21">
        <v>23</v>
      </c>
      <c r="B28" s="15" t="s">
        <v>39</v>
      </c>
      <c r="C28" s="16">
        <v>135502</v>
      </c>
      <c r="D28" s="16">
        <v>13</v>
      </c>
      <c r="E28" s="16">
        <v>0</v>
      </c>
      <c r="F28" s="16">
        <v>20</v>
      </c>
      <c r="G28" s="17">
        <v>90355</v>
      </c>
      <c r="H28" s="17">
        <v>13</v>
      </c>
      <c r="I28" s="16">
        <v>181046</v>
      </c>
      <c r="J28" s="16">
        <v>23</v>
      </c>
      <c r="K28" s="16">
        <v>135318</v>
      </c>
      <c r="L28" s="22">
        <v>13</v>
      </c>
      <c r="M28" s="23">
        <v>204962</v>
      </c>
      <c r="N28" s="16">
        <v>14</v>
      </c>
      <c r="O28" s="16">
        <v>231653</v>
      </c>
      <c r="P28" s="16">
        <v>17</v>
      </c>
      <c r="Q28" s="17">
        <v>137428</v>
      </c>
      <c r="R28" s="17">
        <v>14</v>
      </c>
      <c r="S28" s="16">
        <v>273091</v>
      </c>
      <c r="T28" s="16">
        <v>26</v>
      </c>
      <c r="U28" s="16">
        <v>204998</v>
      </c>
      <c r="V28" s="22">
        <v>14</v>
      </c>
      <c r="W28" s="21">
        <v>23</v>
      </c>
      <c r="X28" s="16" t="s">
        <v>39</v>
      </c>
      <c r="Y28" s="16">
        <v>25259</v>
      </c>
      <c r="Z28" s="16">
        <v>22</v>
      </c>
      <c r="AA28" s="16">
        <v>35191</v>
      </c>
      <c r="AB28" s="16">
        <v>16</v>
      </c>
      <c r="AC28" s="17">
        <v>18990</v>
      </c>
      <c r="AD28" s="17">
        <v>26</v>
      </c>
      <c r="AE28" s="16">
        <v>31583</v>
      </c>
      <c r="AF28" s="16">
        <v>25</v>
      </c>
      <c r="AG28" s="16">
        <v>25272</v>
      </c>
      <c r="AH28" s="18">
        <v>22</v>
      </c>
      <c r="AI28" s="16">
        <v>370452</v>
      </c>
      <c r="AJ28" s="16">
        <v>15</v>
      </c>
      <c r="AK28" s="16">
        <v>319716</v>
      </c>
      <c r="AL28" s="16">
        <v>19</v>
      </c>
      <c r="AM28" s="17">
        <v>251958</v>
      </c>
      <c r="AN28" s="17">
        <v>14</v>
      </c>
      <c r="AO28" s="16">
        <v>489989</v>
      </c>
      <c r="AP28" s="19">
        <v>28</v>
      </c>
      <c r="AQ28" s="16">
        <v>370383</v>
      </c>
      <c r="AR28" s="20">
        <v>15</v>
      </c>
    </row>
    <row r="29" spans="1:44" ht="14.1" customHeight="1" x14ac:dyDescent="0.15">
      <c r="A29" s="21">
        <v>24</v>
      </c>
      <c r="B29" s="15" t="s">
        <v>40</v>
      </c>
      <c r="C29" s="16">
        <v>144030</v>
      </c>
      <c r="D29" s="16">
        <v>10</v>
      </c>
      <c r="E29" s="16">
        <v>0</v>
      </c>
      <c r="F29" s="16">
        <v>20</v>
      </c>
      <c r="G29" s="17">
        <v>98747</v>
      </c>
      <c r="H29" s="17">
        <v>9</v>
      </c>
      <c r="I29" s="16">
        <v>184225</v>
      </c>
      <c r="J29" s="16">
        <v>15</v>
      </c>
      <c r="K29" s="16">
        <v>143739</v>
      </c>
      <c r="L29" s="22">
        <v>10</v>
      </c>
      <c r="M29" s="23">
        <v>224834</v>
      </c>
      <c r="N29" s="16">
        <v>4</v>
      </c>
      <c r="O29" s="16">
        <v>139376</v>
      </c>
      <c r="P29" s="16">
        <v>26</v>
      </c>
      <c r="Q29" s="17">
        <v>162097</v>
      </c>
      <c r="R29" s="17">
        <v>2</v>
      </c>
      <c r="S29" s="16">
        <v>280519</v>
      </c>
      <c r="T29" s="16">
        <v>19</v>
      </c>
      <c r="U29" s="16">
        <v>224661</v>
      </c>
      <c r="V29" s="22">
        <v>4</v>
      </c>
      <c r="W29" s="21">
        <v>24</v>
      </c>
      <c r="X29" s="16" t="s">
        <v>40</v>
      </c>
      <c r="Y29" s="16">
        <v>26774</v>
      </c>
      <c r="Z29" s="16">
        <v>15</v>
      </c>
      <c r="AA29" s="16">
        <v>23082</v>
      </c>
      <c r="AB29" s="16">
        <v>25</v>
      </c>
      <c r="AC29" s="17">
        <v>20611</v>
      </c>
      <c r="AD29" s="17">
        <v>14</v>
      </c>
      <c r="AE29" s="16">
        <v>32244</v>
      </c>
      <c r="AF29" s="16">
        <v>21</v>
      </c>
      <c r="AG29" s="16">
        <v>26766</v>
      </c>
      <c r="AH29" s="18">
        <v>15</v>
      </c>
      <c r="AI29" s="16">
        <v>399533</v>
      </c>
      <c r="AJ29" s="16">
        <v>6</v>
      </c>
      <c r="AK29" s="16">
        <v>162458</v>
      </c>
      <c r="AL29" s="16">
        <v>26</v>
      </c>
      <c r="AM29" s="17">
        <v>286030</v>
      </c>
      <c r="AN29" s="17">
        <v>5</v>
      </c>
      <c r="AO29" s="16">
        <v>500279</v>
      </c>
      <c r="AP29" s="19">
        <v>26</v>
      </c>
      <c r="AQ29" s="16">
        <v>399054</v>
      </c>
      <c r="AR29" s="20">
        <v>6</v>
      </c>
    </row>
    <row r="30" spans="1:44" ht="14.1" customHeight="1" x14ac:dyDescent="0.15">
      <c r="A30" s="21">
        <v>25</v>
      </c>
      <c r="B30" s="15" t="s">
        <v>41</v>
      </c>
      <c r="C30" s="16">
        <v>125750</v>
      </c>
      <c r="D30" s="16">
        <v>25</v>
      </c>
      <c r="E30" s="16">
        <v>3113</v>
      </c>
      <c r="F30" s="16">
        <v>18</v>
      </c>
      <c r="G30" s="17">
        <v>75430</v>
      </c>
      <c r="H30" s="17">
        <v>31</v>
      </c>
      <c r="I30" s="16">
        <v>181749</v>
      </c>
      <c r="J30" s="16">
        <v>22</v>
      </c>
      <c r="K30" s="16">
        <v>125653</v>
      </c>
      <c r="L30" s="22">
        <v>25</v>
      </c>
      <c r="M30" s="23">
        <v>175967</v>
      </c>
      <c r="N30" s="16">
        <v>32</v>
      </c>
      <c r="O30" s="16">
        <v>210810</v>
      </c>
      <c r="P30" s="16">
        <v>18</v>
      </c>
      <c r="Q30" s="17">
        <v>118779</v>
      </c>
      <c r="R30" s="17">
        <v>32</v>
      </c>
      <c r="S30" s="16">
        <v>239609</v>
      </c>
      <c r="T30" s="16">
        <v>32</v>
      </c>
      <c r="U30" s="16">
        <v>175995</v>
      </c>
      <c r="V30" s="22">
        <v>32</v>
      </c>
      <c r="W30" s="21">
        <v>25</v>
      </c>
      <c r="X30" s="16" t="s">
        <v>41</v>
      </c>
      <c r="Y30" s="16">
        <v>24749</v>
      </c>
      <c r="Z30" s="16">
        <v>25</v>
      </c>
      <c r="AA30" s="16">
        <v>117040</v>
      </c>
      <c r="AB30" s="16">
        <v>1</v>
      </c>
      <c r="AC30" s="17">
        <v>19085</v>
      </c>
      <c r="AD30" s="17">
        <v>25</v>
      </c>
      <c r="AE30" s="16">
        <v>31053</v>
      </c>
      <c r="AF30" s="16">
        <v>27</v>
      </c>
      <c r="AG30" s="16">
        <v>24823</v>
      </c>
      <c r="AH30" s="18">
        <v>25</v>
      </c>
      <c r="AI30" s="16">
        <v>333819</v>
      </c>
      <c r="AJ30" s="16">
        <v>32</v>
      </c>
      <c r="AK30" s="16">
        <v>332593</v>
      </c>
      <c r="AL30" s="16">
        <v>17</v>
      </c>
      <c r="AM30" s="17">
        <v>221201</v>
      </c>
      <c r="AN30" s="17">
        <v>31</v>
      </c>
      <c r="AO30" s="16">
        <v>459145</v>
      </c>
      <c r="AP30" s="19">
        <v>32</v>
      </c>
      <c r="AQ30" s="16">
        <v>333818</v>
      </c>
      <c r="AR30" s="20">
        <v>32</v>
      </c>
    </row>
    <row r="31" spans="1:44" ht="14.1" customHeight="1" x14ac:dyDescent="0.15">
      <c r="A31" s="21">
        <v>26</v>
      </c>
      <c r="B31" s="15" t="s">
        <v>42</v>
      </c>
      <c r="C31" s="16">
        <v>160872</v>
      </c>
      <c r="D31" s="16">
        <v>3</v>
      </c>
      <c r="E31" s="16">
        <v>0</v>
      </c>
      <c r="F31" s="16">
        <v>20</v>
      </c>
      <c r="G31" s="17">
        <v>96052</v>
      </c>
      <c r="H31" s="17">
        <v>10</v>
      </c>
      <c r="I31" s="16">
        <v>223553</v>
      </c>
      <c r="J31" s="16">
        <v>3</v>
      </c>
      <c r="K31" s="16">
        <v>160168</v>
      </c>
      <c r="L31" s="22">
        <v>3</v>
      </c>
      <c r="M31" s="23">
        <v>209303</v>
      </c>
      <c r="N31" s="16">
        <v>8</v>
      </c>
      <c r="O31" s="16">
        <v>79618</v>
      </c>
      <c r="P31" s="16">
        <v>29</v>
      </c>
      <c r="Q31" s="17">
        <v>143446</v>
      </c>
      <c r="R31" s="17">
        <v>5</v>
      </c>
      <c r="S31" s="16">
        <v>272988</v>
      </c>
      <c r="T31" s="16">
        <v>27</v>
      </c>
      <c r="U31" s="16">
        <v>208736</v>
      </c>
      <c r="V31" s="22">
        <v>11</v>
      </c>
      <c r="W31" s="21">
        <v>26</v>
      </c>
      <c r="X31" s="16" t="s">
        <v>42</v>
      </c>
      <c r="Y31" s="16">
        <v>30531</v>
      </c>
      <c r="Z31" s="16">
        <v>1</v>
      </c>
      <c r="AA31" s="16">
        <v>30806</v>
      </c>
      <c r="AB31" s="16">
        <v>20</v>
      </c>
      <c r="AC31" s="17">
        <v>24042</v>
      </c>
      <c r="AD31" s="17">
        <v>1</v>
      </c>
      <c r="AE31" s="16">
        <v>36805</v>
      </c>
      <c r="AF31" s="16">
        <v>4</v>
      </c>
      <c r="AG31" s="16">
        <v>30532</v>
      </c>
      <c r="AH31" s="18">
        <v>1</v>
      </c>
      <c r="AI31" s="16">
        <v>405542</v>
      </c>
      <c r="AJ31" s="16">
        <v>4</v>
      </c>
      <c r="AK31" s="16">
        <v>130903</v>
      </c>
      <c r="AL31" s="16">
        <v>27</v>
      </c>
      <c r="AM31" s="17">
        <v>268031</v>
      </c>
      <c r="AN31" s="17">
        <v>8</v>
      </c>
      <c r="AO31" s="16">
        <v>538516</v>
      </c>
      <c r="AP31" s="19">
        <v>7</v>
      </c>
      <c r="AQ31" s="16">
        <v>404340</v>
      </c>
      <c r="AR31" s="20">
        <v>4</v>
      </c>
    </row>
    <row r="32" spans="1:44" ht="14.1" customHeight="1" x14ac:dyDescent="0.15">
      <c r="A32" s="21">
        <v>27</v>
      </c>
      <c r="B32" s="15" t="s">
        <v>43</v>
      </c>
      <c r="C32" s="16">
        <v>182257</v>
      </c>
      <c r="D32" s="16">
        <v>1</v>
      </c>
      <c r="E32" s="16">
        <v>0</v>
      </c>
      <c r="F32" s="16">
        <v>20</v>
      </c>
      <c r="G32" s="17">
        <v>119373</v>
      </c>
      <c r="H32" s="17">
        <v>3</v>
      </c>
      <c r="I32" s="16">
        <v>229760</v>
      </c>
      <c r="J32" s="16">
        <v>2</v>
      </c>
      <c r="K32" s="16">
        <v>182121</v>
      </c>
      <c r="L32" s="22">
        <v>1</v>
      </c>
      <c r="M32" s="23">
        <v>236876</v>
      </c>
      <c r="N32" s="16">
        <v>1</v>
      </c>
      <c r="O32" s="16">
        <v>38010</v>
      </c>
      <c r="P32" s="16">
        <v>31</v>
      </c>
      <c r="Q32" s="17">
        <v>172005</v>
      </c>
      <c r="R32" s="17">
        <v>1</v>
      </c>
      <c r="S32" s="16">
        <v>285880</v>
      </c>
      <c r="T32" s="16">
        <v>15</v>
      </c>
      <c r="U32" s="16">
        <v>236728</v>
      </c>
      <c r="V32" s="22">
        <v>1</v>
      </c>
      <c r="W32" s="21">
        <v>27</v>
      </c>
      <c r="X32" s="16" t="s">
        <v>43</v>
      </c>
      <c r="Y32" s="16">
        <v>27500</v>
      </c>
      <c r="Z32" s="16">
        <v>10</v>
      </c>
      <c r="AA32" s="16">
        <v>5810</v>
      </c>
      <c r="AB32" s="16">
        <v>30</v>
      </c>
      <c r="AC32" s="17">
        <v>21400</v>
      </c>
      <c r="AD32" s="17">
        <v>9</v>
      </c>
      <c r="AE32" s="16">
        <v>32108</v>
      </c>
      <c r="AF32" s="16">
        <v>22</v>
      </c>
      <c r="AG32" s="16">
        <v>27484</v>
      </c>
      <c r="AH32" s="18">
        <v>11</v>
      </c>
      <c r="AI32" s="16">
        <v>452935</v>
      </c>
      <c r="AJ32" s="16">
        <v>1</v>
      </c>
      <c r="AK32" s="16">
        <v>43820</v>
      </c>
      <c r="AL32" s="16">
        <v>31</v>
      </c>
      <c r="AM32" s="17">
        <v>316646</v>
      </c>
      <c r="AN32" s="17">
        <v>1</v>
      </c>
      <c r="AO32" s="16">
        <v>555886</v>
      </c>
      <c r="AP32" s="19">
        <v>2</v>
      </c>
      <c r="AQ32" s="16">
        <v>452630</v>
      </c>
      <c r="AR32" s="20">
        <v>1</v>
      </c>
    </row>
    <row r="33" spans="1:44" ht="14.1" customHeight="1" x14ac:dyDescent="0.15">
      <c r="A33" s="21">
        <v>28</v>
      </c>
      <c r="B33" s="15" t="s">
        <v>44</v>
      </c>
      <c r="C33" s="16">
        <v>139160</v>
      </c>
      <c r="D33" s="16">
        <v>12</v>
      </c>
      <c r="E33" s="16">
        <v>959137</v>
      </c>
      <c r="F33" s="16">
        <v>1</v>
      </c>
      <c r="G33" s="17">
        <v>117480</v>
      </c>
      <c r="H33" s="17">
        <v>4</v>
      </c>
      <c r="I33" s="16">
        <v>163082</v>
      </c>
      <c r="J33" s="16">
        <v>33</v>
      </c>
      <c r="K33" s="16">
        <v>140943</v>
      </c>
      <c r="L33" s="22">
        <v>11</v>
      </c>
      <c r="M33" s="23">
        <v>232056</v>
      </c>
      <c r="N33" s="16">
        <v>2</v>
      </c>
      <c r="O33" s="16">
        <v>545996</v>
      </c>
      <c r="P33" s="16">
        <v>1</v>
      </c>
      <c r="Q33" s="17">
        <v>154916</v>
      </c>
      <c r="R33" s="17">
        <v>4</v>
      </c>
      <c r="S33" s="16">
        <v>317178</v>
      </c>
      <c r="T33" s="16">
        <v>1</v>
      </c>
      <c r="U33" s="16">
        <v>232739</v>
      </c>
      <c r="V33" s="22">
        <v>2</v>
      </c>
      <c r="W33" s="21">
        <v>28</v>
      </c>
      <c r="X33" s="16" t="s">
        <v>44</v>
      </c>
      <c r="Y33" s="16">
        <v>29980</v>
      </c>
      <c r="Z33" s="16">
        <v>2</v>
      </c>
      <c r="AA33" s="16">
        <v>39467</v>
      </c>
      <c r="AB33" s="16">
        <v>12</v>
      </c>
      <c r="AC33" s="17">
        <v>23643</v>
      </c>
      <c r="AD33" s="17">
        <v>3</v>
      </c>
      <c r="AE33" s="16">
        <v>36973</v>
      </c>
      <c r="AF33" s="16">
        <v>3</v>
      </c>
      <c r="AG33" s="16">
        <v>30000</v>
      </c>
      <c r="AH33" s="18">
        <v>2</v>
      </c>
      <c r="AI33" s="16">
        <v>408134</v>
      </c>
      <c r="AJ33" s="16">
        <v>3</v>
      </c>
      <c r="AK33" s="16">
        <v>1651502</v>
      </c>
      <c r="AL33" s="16">
        <v>1</v>
      </c>
      <c r="AM33" s="17">
        <v>303329</v>
      </c>
      <c r="AN33" s="17">
        <v>3</v>
      </c>
      <c r="AO33" s="16">
        <v>523783</v>
      </c>
      <c r="AP33" s="19">
        <v>11</v>
      </c>
      <c r="AQ33" s="16">
        <v>410838</v>
      </c>
      <c r="AR33" s="20">
        <v>3</v>
      </c>
    </row>
    <row r="34" spans="1:44" ht="14.1" customHeight="1" x14ac:dyDescent="0.15">
      <c r="A34" s="21">
        <v>29</v>
      </c>
      <c r="B34" s="15" t="s">
        <v>45</v>
      </c>
      <c r="C34" s="16">
        <v>146473</v>
      </c>
      <c r="D34" s="16">
        <v>8</v>
      </c>
      <c r="E34" s="16">
        <v>0</v>
      </c>
      <c r="F34" s="16">
        <v>20</v>
      </c>
      <c r="G34" s="17">
        <v>76026</v>
      </c>
      <c r="H34" s="17">
        <v>29</v>
      </c>
      <c r="I34" s="16">
        <v>231501</v>
      </c>
      <c r="J34" s="16">
        <v>1</v>
      </c>
      <c r="K34" s="16">
        <v>146222</v>
      </c>
      <c r="L34" s="22">
        <v>8</v>
      </c>
      <c r="M34" s="23">
        <v>191500</v>
      </c>
      <c r="N34" s="16">
        <v>28</v>
      </c>
      <c r="O34" s="16">
        <v>42948</v>
      </c>
      <c r="P34" s="16">
        <v>30</v>
      </c>
      <c r="Q34" s="17">
        <v>120284</v>
      </c>
      <c r="R34" s="17">
        <v>31</v>
      </c>
      <c r="S34" s="16">
        <v>277456</v>
      </c>
      <c r="T34" s="16">
        <v>25</v>
      </c>
      <c r="U34" s="16">
        <v>191245</v>
      </c>
      <c r="V34" s="22">
        <v>28</v>
      </c>
      <c r="W34" s="21">
        <v>29</v>
      </c>
      <c r="X34" s="16" t="s">
        <v>45</v>
      </c>
      <c r="Y34" s="16">
        <v>24331</v>
      </c>
      <c r="Z34" s="16">
        <v>27</v>
      </c>
      <c r="AA34" s="16">
        <v>8434</v>
      </c>
      <c r="AB34" s="16">
        <v>29</v>
      </c>
      <c r="AC34" s="17">
        <v>18046</v>
      </c>
      <c r="AD34" s="17">
        <v>32</v>
      </c>
      <c r="AE34" s="16">
        <v>31916</v>
      </c>
      <c r="AF34" s="16">
        <v>24</v>
      </c>
      <c r="AG34" s="16">
        <v>24304</v>
      </c>
      <c r="AH34" s="18">
        <v>27</v>
      </c>
      <c r="AI34" s="16">
        <v>366367</v>
      </c>
      <c r="AJ34" s="16">
        <v>17</v>
      </c>
      <c r="AK34" s="16">
        <v>51382</v>
      </c>
      <c r="AL34" s="16">
        <v>30</v>
      </c>
      <c r="AM34" s="17">
        <v>219172</v>
      </c>
      <c r="AN34" s="17">
        <v>32</v>
      </c>
      <c r="AO34" s="16">
        <v>544027</v>
      </c>
      <c r="AP34" s="19">
        <v>5</v>
      </c>
      <c r="AQ34" s="16">
        <v>365827</v>
      </c>
      <c r="AR34" s="20">
        <v>17</v>
      </c>
    </row>
    <row r="35" spans="1:44" ht="14.1" customHeight="1" x14ac:dyDescent="0.15">
      <c r="A35" s="21">
        <v>30</v>
      </c>
      <c r="B35" s="15" t="s">
        <v>46</v>
      </c>
      <c r="C35" s="16">
        <v>163468</v>
      </c>
      <c r="D35" s="16">
        <v>2</v>
      </c>
      <c r="E35" s="16">
        <v>0</v>
      </c>
      <c r="F35" s="16">
        <v>20</v>
      </c>
      <c r="G35" s="17">
        <v>127617</v>
      </c>
      <c r="H35" s="17">
        <v>2</v>
      </c>
      <c r="I35" s="16">
        <v>200914</v>
      </c>
      <c r="J35" s="16">
        <v>8</v>
      </c>
      <c r="K35" s="16">
        <v>163467</v>
      </c>
      <c r="L35" s="22">
        <v>2</v>
      </c>
      <c r="M35" s="23">
        <v>228921</v>
      </c>
      <c r="N35" s="16">
        <v>3</v>
      </c>
      <c r="O35" s="16">
        <v>0</v>
      </c>
      <c r="P35" s="16">
        <v>32</v>
      </c>
      <c r="Q35" s="17">
        <v>159113</v>
      </c>
      <c r="R35" s="17">
        <v>3</v>
      </c>
      <c r="S35" s="16">
        <v>301838</v>
      </c>
      <c r="T35" s="16">
        <v>6</v>
      </c>
      <c r="U35" s="16">
        <v>228922</v>
      </c>
      <c r="V35" s="22">
        <v>3</v>
      </c>
      <c r="W35" s="21">
        <v>30</v>
      </c>
      <c r="X35" s="16" t="s">
        <v>46</v>
      </c>
      <c r="Y35" s="16">
        <v>23760</v>
      </c>
      <c r="Z35" s="16">
        <v>30</v>
      </c>
      <c r="AA35" s="16">
        <v>0</v>
      </c>
      <c r="AB35" s="16">
        <v>32</v>
      </c>
      <c r="AC35" s="17">
        <v>18415</v>
      </c>
      <c r="AD35" s="17">
        <v>29</v>
      </c>
      <c r="AE35" s="16">
        <v>29344</v>
      </c>
      <c r="AF35" s="16">
        <v>30</v>
      </c>
      <c r="AG35" s="16">
        <v>23760</v>
      </c>
      <c r="AH35" s="18">
        <v>30</v>
      </c>
      <c r="AI35" s="16">
        <v>422771</v>
      </c>
      <c r="AJ35" s="16">
        <v>2</v>
      </c>
      <c r="AK35" s="16">
        <v>0</v>
      </c>
      <c r="AL35" s="16">
        <v>32</v>
      </c>
      <c r="AM35" s="17">
        <v>309102</v>
      </c>
      <c r="AN35" s="17">
        <v>2</v>
      </c>
      <c r="AO35" s="16">
        <v>541500</v>
      </c>
      <c r="AP35" s="19">
        <v>6</v>
      </c>
      <c r="AQ35" s="16">
        <v>422771</v>
      </c>
      <c r="AR35" s="20">
        <v>2</v>
      </c>
    </row>
    <row r="36" spans="1:44" ht="14.1" customHeight="1" x14ac:dyDescent="0.15">
      <c r="A36" s="21">
        <v>31</v>
      </c>
      <c r="B36" s="15" t="s">
        <v>47</v>
      </c>
      <c r="C36" s="16">
        <v>148027</v>
      </c>
      <c r="D36" s="16">
        <v>7</v>
      </c>
      <c r="E36" s="16">
        <v>795</v>
      </c>
      <c r="F36" s="16">
        <v>19</v>
      </c>
      <c r="G36" s="17">
        <v>93939</v>
      </c>
      <c r="H36" s="17">
        <v>11</v>
      </c>
      <c r="I36" s="16">
        <v>207260</v>
      </c>
      <c r="J36" s="16">
        <v>5</v>
      </c>
      <c r="K36" s="16">
        <v>147899</v>
      </c>
      <c r="L36" s="18">
        <v>7</v>
      </c>
      <c r="M36" s="16">
        <v>202429</v>
      </c>
      <c r="N36" s="16">
        <v>18</v>
      </c>
      <c r="O36" s="16">
        <v>161062</v>
      </c>
      <c r="P36" s="16">
        <v>23</v>
      </c>
      <c r="Q36" s="17">
        <v>140012</v>
      </c>
      <c r="R36" s="17">
        <v>10</v>
      </c>
      <c r="S36" s="16">
        <v>270783</v>
      </c>
      <c r="T36" s="16">
        <v>28</v>
      </c>
      <c r="U36" s="16">
        <v>202393</v>
      </c>
      <c r="V36" s="18">
        <v>18</v>
      </c>
      <c r="W36" s="21">
        <v>31</v>
      </c>
      <c r="X36" s="16" t="s">
        <v>47</v>
      </c>
      <c r="Y36" s="16">
        <v>23695</v>
      </c>
      <c r="Z36" s="16">
        <v>31</v>
      </c>
      <c r="AA36" s="16">
        <v>17800</v>
      </c>
      <c r="AB36" s="16">
        <v>28</v>
      </c>
      <c r="AC36" s="17">
        <v>19921</v>
      </c>
      <c r="AD36" s="17">
        <v>21</v>
      </c>
      <c r="AE36" s="16">
        <v>27828</v>
      </c>
      <c r="AF36" s="16">
        <v>31</v>
      </c>
      <c r="AG36" s="16">
        <v>23690</v>
      </c>
      <c r="AH36" s="18">
        <v>31</v>
      </c>
      <c r="AI36" s="16">
        <v>380440</v>
      </c>
      <c r="AJ36" s="16">
        <v>10</v>
      </c>
      <c r="AK36" s="16">
        <v>183073</v>
      </c>
      <c r="AL36" s="16">
        <v>25</v>
      </c>
      <c r="AM36" s="17">
        <v>259887</v>
      </c>
      <c r="AN36" s="17">
        <v>10</v>
      </c>
      <c r="AO36" s="16">
        <v>512460</v>
      </c>
      <c r="AP36" s="19">
        <v>17</v>
      </c>
      <c r="AQ36" s="16">
        <v>380269</v>
      </c>
      <c r="AR36" s="20">
        <v>10</v>
      </c>
    </row>
    <row r="37" spans="1:44" ht="14.1" customHeight="1" x14ac:dyDescent="0.15">
      <c r="A37" s="21">
        <v>32</v>
      </c>
      <c r="B37" s="15" t="s">
        <v>48</v>
      </c>
      <c r="C37" s="16">
        <v>145646</v>
      </c>
      <c r="D37" s="16">
        <v>9</v>
      </c>
      <c r="E37" s="16">
        <v>0</v>
      </c>
      <c r="F37" s="16">
        <v>20</v>
      </c>
      <c r="G37" s="17">
        <v>104203</v>
      </c>
      <c r="H37" s="17">
        <v>8</v>
      </c>
      <c r="I37" s="16">
        <v>197648</v>
      </c>
      <c r="J37" s="16">
        <v>9</v>
      </c>
      <c r="K37" s="16">
        <v>145539</v>
      </c>
      <c r="L37" s="18">
        <v>9</v>
      </c>
      <c r="M37" s="16">
        <v>206436</v>
      </c>
      <c r="N37" s="16">
        <v>13</v>
      </c>
      <c r="O37" s="16">
        <v>107313</v>
      </c>
      <c r="P37" s="16">
        <v>27</v>
      </c>
      <c r="Q37" s="17">
        <v>141497</v>
      </c>
      <c r="R37" s="17">
        <v>9</v>
      </c>
      <c r="S37" s="16">
        <v>287920</v>
      </c>
      <c r="T37" s="16">
        <v>13</v>
      </c>
      <c r="U37" s="16">
        <v>206363</v>
      </c>
      <c r="V37" s="18">
        <v>13</v>
      </c>
      <c r="W37" s="21">
        <v>32</v>
      </c>
      <c r="X37" s="16" t="s">
        <v>48</v>
      </c>
      <c r="Y37" s="16">
        <v>20660</v>
      </c>
      <c r="Z37" s="16">
        <v>33</v>
      </c>
      <c r="AA37" s="16">
        <v>5320</v>
      </c>
      <c r="AB37" s="16">
        <v>31</v>
      </c>
      <c r="AC37" s="17">
        <v>16320</v>
      </c>
      <c r="AD37" s="17">
        <v>33</v>
      </c>
      <c r="AE37" s="16">
        <v>26107</v>
      </c>
      <c r="AF37" s="16">
        <v>33</v>
      </c>
      <c r="AG37" s="16">
        <v>20649</v>
      </c>
      <c r="AH37" s="18">
        <v>33</v>
      </c>
      <c r="AI37" s="16">
        <v>378557</v>
      </c>
      <c r="AJ37" s="16">
        <v>11</v>
      </c>
      <c r="AK37" s="16">
        <v>117219</v>
      </c>
      <c r="AL37" s="16">
        <v>29</v>
      </c>
      <c r="AM37" s="17">
        <v>266314</v>
      </c>
      <c r="AN37" s="17">
        <v>9</v>
      </c>
      <c r="AO37" s="16">
        <v>519394</v>
      </c>
      <c r="AP37" s="19">
        <v>12</v>
      </c>
      <c r="AQ37" s="16">
        <v>378364</v>
      </c>
      <c r="AR37" s="20">
        <v>11</v>
      </c>
    </row>
    <row r="38" spans="1:44" ht="14.1" customHeight="1" thickBot="1" x14ac:dyDescent="0.2">
      <c r="A38" s="28">
        <v>33</v>
      </c>
      <c r="B38" s="29" t="s">
        <v>49</v>
      </c>
      <c r="C38" s="30">
        <v>158506</v>
      </c>
      <c r="D38" s="30">
        <v>4</v>
      </c>
      <c r="E38" s="30">
        <v>0</v>
      </c>
      <c r="F38" s="30">
        <v>20</v>
      </c>
      <c r="G38" s="31">
        <v>130709</v>
      </c>
      <c r="H38" s="31">
        <v>1</v>
      </c>
      <c r="I38" s="30">
        <v>184407</v>
      </c>
      <c r="J38" s="30">
        <v>14</v>
      </c>
      <c r="K38" s="30">
        <v>158506</v>
      </c>
      <c r="L38" s="32">
        <v>4</v>
      </c>
      <c r="M38" s="30">
        <v>175239</v>
      </c>
      <c r="N38" s="30">
        <v>33</v>
      </c>
      <c r="O38" s="30">
        <v>0</v>
      </c>
      <c r="P38" s="30">
        <v>32</v>
      </c>
      <c r="Q38" s="31">
        <v>131983</v>
      </c>
      <c r="R38" s="31">
        <v>20</v>
      </c>
      <c r="S38" s="30">
        <v>215544</v>
      </c>
      <c r="T38" s="30">
        <v>33</v>
      </c>
      <c r="U38" s="30">
        <v>175239</v>
      </c>
      <c r="V38" s="32">
        <v>33</v>
      </c>
      <c r="W38" s="28">
        <v>33</v>
      </c>
      <c r="X38" s="30" t="s">
        <v>49</v>
      </c>
      <c r="Y38" s="30">
        <v>23056</v>
      </c>
      <c r="Z38" s="30">
        <v>32</v>
      </c>
      <c r="AA38" s="30">
        <v>0</v>
      </c>
      <c r="AB38" s="30">
        <v>32</v>
      </c>
      <c r="AC38" s="31">
        <v>18148</v>
      </c>
      <c r="AD38" s="31">
        <v>31</v>
      </c>
      <c r="AE38" s="30">
        <v>27628</v>
      </c>
      <c r="AF38" s="30">
        <v>32</v>
      </c>
      <c r="AG38" s="24">
        <v>23056</v>
      </c>
      <c r="AH38" s="32">
        <v>32</v>
      </c>
      <c r="AI38" s="30">
        <v>363758</v>
      </c>
      <c r="AJ38" s="30">
        <v>19</v>
      </c>
      <c r="AK38" s="30">
        <v>0</v>
      </c>
      <c r="AL38" s="30">
        <v>32</v>
      </c>
      <c r="AM38" s="31">
        <v>290896</v>
      </c>
      <c r="AN38" s="31">
        <v>4</v>
      </c>
      <c r="AO38" s="30">
        <v>431649</v>
      </c>
      <c r="AP38" s="33">
        <v>33</v>
      </c>
      <c r="AQ38" s="24">
        <v>363758</v>
      </c>
      <c r="AR38" s="34">
        <v>19</v>
      </c>
    </row>
    <row r="39" spans="1:44" ht="14.1" customHeight="1" thickTop="1" x14ac:dyDescent="0.15">
      <c r="A39" s="35">
        <v>301</v>
      </c>
      <c r="B39" s="36" t="s">
        <v>50</v>
      </c>
      <c r="C39" s="37">
        <v>52909</v>
      </c>
      <c r="D39" s="37">
        <v>4</v>
      </c>
      <c r="E39" s="38" t="s">
        <v>51</v>
      </c>
      <c r="F39" s="38" t="s">
        <v>52</v>
      </c>
      <c r="G39" s="39">
        <v>41802</v>
      </c>
      <c r="H39" s="39">
        <v>3</v>
      </c>
      <c r="I39" s="37">
        <v>129965</v>
      </c>
      <c r="J39" s="37">
        <v>6</v>
      </c>
      <c r="K39" s="37">
        <v>52909</v>
      </c>
      <c r="L39" s="40">
        <v>4</v>
      </c>
      <c r="M39" s="37">
        <v>134275</v>
      </c>
      <c r="N39" s="37">
        <v>2</v>
      </c>
      <c r="O39" s="41" t="s">
        <v>52</v>
      </c>
      <c r="P39" s="41" t="s">
        <v>52</v>
      </c>
      <c r="Q39" s="39">
        <v>116112</v>
      </c>
      <c r="R39" s="39">
        <v>1</v>
      </c>
      <c r="S39" s="37">
        <v>260277</v>
      </c>
      <c r="T39" s="37">
        <v>6</v>
      </c>
      <c r="U39" s="37">
        <v>134275</v>
      </c>
      <c r="V39" s="40">
        <v>2</v>
      </c>
      <c r="W39" s="14">
        <v>301</v>
      </c>
      <c r="X39" s="42" t="s">
        <v>53</v>
      </c>
      <c r="Y39" s="25">
        <v>22926</v>
      </c>
      <c r="Z39" s="25">
        <v>3</v>
      </c>
      <c r="AA39" s="43" t="s">
        <v>51</v>
      </c>
      <c r="AB39" s="43" t="s">
        <v>51</v>
      </c>
      <c r="AC39" s="44">
        <v>21570</v>
      </c>
      <c r="AD39" s="44">
        <v>3</v>
      </c>
      <c r="AE39" s="25">
        <v>32336</v>
      </c>
      <c r="AF39" s="25">
        <v>4</v>
      </c>
      <c r="AG39" s="37">
        <v>22926</v>
      </c>
      <c r="AH39" s="45">
        <v>3</v>
      </c>
      <c r="AI39" s="25">
        <v>212763</v>
      </c>
      <c r="AJ39" s="25">
        <v>2</v>
      </c>
      <c r="AK39" s="46" t="s">
        <v>51</v>
      </c>
      <c r="AL39" s="46" t="s">
        <v>51</v>
      </c>
      <c r="AM39" s="44">
        <v>181661</v>
      </c>
      <c r="AN39" s="44">
        <v>2</v>
      </c>
      <c r="AO39" s="25">
        <v>428526</v>
      </c>
      <c r="AP39" s="47">
        <v>6</v>
      </c>
      <c r="AQ39" s="37">
        <v>212763</v>
      </c>
      <c r="AR39" s="20">
        <v>2</v>
      </c>
    </row>
    <row r="40" spans="1:44" ht="14.1" customHeight="1" x14ac:dyDescent="0.15">
      <c r="A40" s="21">
        <v>302</v>
      </c>
      <c r="B40" s="48" t="s">
        <v>55</v>
      </c>
      <c r="C40" s="16">
        <v>44954</v>
      </c>
      <c r="D40" s="16">
        <v>6</v>
      </c>
      <c r="E40" s="49" t="s">
        <v>56</v>
      </c>
      <c r="F40" s="49" t="s">
        <v>51</v>
      </c>
      <c r="G40" s="17">
        <v>36652</v>
      </c>
      <c r="H40" s="17">
        <v>5</v>
      </c>
      <c r="I40" s="16">
        <v>130361</v>
      </c>
      <c r="J40" s="16">
        <v>5</v>
      </c>
      <c r="K40" s="16">
        <v>44954</v>
      </c>
      <c r="L40" s="18">
        <v>6</v>
      </c>
      <c r="M40" s="16">
        <v>115339</v>
      </c>
      <c r="N40" s="16">
        <v>5</v>
      </c>
      <c r="O40" s="50" t="s">
        <v>56</v>
      </c>
      <c r="P40" s="50" t="s">
        <v>56</v>
      </c>
      <c r="Q40" s="17">
        <v>98586</v>
      </c>
      <c r="R40" s="17">
        <v>4</v>
      </c>
      <c r="S40" s="16">
        <v>287671</v>
      </c>
      <c r="T40" s="16">
        <v>3</v>
      </c>
      <c r="U40" s="16">
        <v>115339</v>
      </c>
      <c r="V40" s="18">
        <v>5</v>
      </c>
      <c r="W40" s="21">
        <v>302</v>
      </c>
      <c r="X40" s="42" t="s">
        <v>55</v>
      </c>
      <c r="Y40" s="16">
        <v>8246</v>
      </c>
      <c r="Z40" s="16">
        <v>6</v>
      </c>
      <c r="AA40" s="50" t="s">
        <v>56</v>
      </c>
      <c r="AB40" s="50" t="s">
        <v>56</v>
      </c>
      <c r="AC40" s="17">
        <v>8173</v>
      </c>
      <c r="AD40" s="17">
        <v>6</v>
      </c>
      <c r="AE40" s="16">
        <v>8992</v>
      </c>
      <c r="AF40" s="16">
        <v>6</v>
      </c>
      <c r="AG40" s="16">
        <v>8246</v>
      </c>
      <c r="AH40" s="18">
        <v>6</v>
      </c>
      <c r="AI40" s="16">
        <v>171686</v>
      </c>
      <c r="AJ40" s="16">
        <v>6</v>
      </c>
      <c r="AK40" s="50" t="s">
        <v>51</v>
      </c>
      <c r="AL40" s="50" t="s">
        <v>57</v>
      </c>
      <c r="AM40" s="17">
        <v>146448</v>
      </c>
      <c r="AN40" s="17">
        <v>6</v>
      </c>
      <c r="AO40" s="16">
        <v>431302</v>
      </c>
      <c r="AP40" s="19">
        <v>5</v>
      </c>
      <c r="AQ40" s="16">
        <v>171686</v>
      </c>
      <c r="AR40" s="20">
        <v>6</v>
      </c>
    </row>
    <row r="41" spans="1:44" ht="14.1" customHeight="1" x14ac:dyDescent="0.15">
      <c r="A41" s="21">
        <v>303</v>
      </c>
      <c r="B41" s="48" t="s">
        <v>59</v>
      </c>
      <c r="C41" s="16">
        <v>78270</v>
      </c>
      <c r="D41" s="16">
        <v>1</v>
      </c>
      <c r="E41" s="49" t="s">
        <v>56</v>
      </c>
      <c r="F41" s="49" t="s">
        <v>56</v>
      </c>
      <c r="G41" s="17">
        <v>53943</v>
      </c>
      <c r="H41" s="17">
        <v>1</v>
      </c>
      <c r="I41" s="16">
        <v>186523</v>
      </c>
      <c r="J41" s="16">
        <v>3</v>
      </c>
      <c r="K41" s="16">
        <v>78270</v>
      </c>
      <c r="L41" s="18">
        <v>1</v>
      </c>
      <c r="M41" s="16">
        <v>148015</v>
      </c>
      <c r="N41" s="16">
        <v>1</v>
      </c>
      <c r="O41" s="50" t="s">
        <v>56</v>
      </c>
      <c r="P41" s="50" t="s">
        <v>56</v>
      </c>
      <c r="Q41" s="17">
        <v>110031</v>
      </c>
      <c r="R41" s="17">
        <v>2</v>
      </c>
      <c r="S41" s="16">
        <v>317045</v>
      </c>
      <c r="T41" s="16">
        <v>1</v>
      </c>
      <c r="U41" s="16">
        <v>148015</v>
      </c>
      <c r="V41" s="18">
        <v>1</v>
      </c>
      <c r="W41" s="21">
        <v>303</v>
      </c>
      <c r="X41" s="42" t="s">
        <v>59</v>
      </c>
      <c r="Y41" s="16">
        <v>25552</v>
      </c>
      <c r="Z41" s="16">
        <v>1</v>
      </c>
      <c r="AA41" s="43" t="s">
        <v>56</v>
      </c>
      <c r="AB41" s="43" t="s">
        <v>56</v>
      </c>
      <c r="AC41" s="17">
        <v>22674</v>
      </c>
      <c r="AD41" s="17">
        <v>1</v>
      </c>
      <c r="AE41" s="16">
        <v>38361</v>
      </c>
      <c r="AF41" s="16">
        <v>1</v>
      </c>
      <c r="AG41" s="16">
        <v>25552</v>
      </c>
      <c r="AH41" s="18">
        <v>1</v>
      </c>
      <c r="AI41" s="16">
        <v>257090</v>
      </c>
      <c r="AJ41" s="16">
        <v>1</v>
      </c>
      <c r="AK41" s="50" t="s">
        <v>56</v>
      </c>
      <c r="AL41" s="50" t="s">
        <v>56</v>
      </c>
      <c r="AM41" s="17">
        <v>190926</v>
      </c>
      <c r="AN41" s="17">
        <v>1</v>
      </c>
      <c r="AO41" s="16">
        <v>551521</v>
      </c>
      <c r="AP41" s="19">
        <v>2</v>
      </c>
      <c r="AQ41" s="16">
        <v>257090</v>
      </c>
      <c r="AR41" s="20">
        <v>1</v>
      </c>
    </row>
    <row r="42" spans="1:44" ht="14.1" customHeight="1" x14ac:dyDescent="0.15">
      <c r="A42" s="21">
        <v>304</v>
      </c>
      <c r="B42" s="48" t="s">
        <v>61</v>
      </c>
      <c r="C42" s="16">
        <v>49096</v>
      </c>
      <c r="D42" s="16">
        <v>5</v>
      </c>
      <c r="E42" s="49" t="s">
        <v>56</v>
      </c>
      <c r="F42" s="49" t="s">
        <v>51</v>
      </c>
      <c r="G42" s="17">
        <v>35701</v>
      </c>
      <c r="H42" s="17">
        <v>6</v>
      </c>
      <c r="I42" s="16">
        <v>167728</v>
      </c>
      <c r="J42" s="16">
        <v>4</v>
      </c>
      <c r="K42" s="16">
        <v>49096</v>
      </c>
      <c r="L42" s="18">
        <v>5</v>
      </c>
      <c r="M42" s="16">
        <v>125808</v>
      </c>
      <c r="N42" s="16">
        <v>3</v>
      </c>
      <c r="O42" s="50" t="s">
        <v>56</v>
      </c>
      <c r="P42" s="50" t="s">
        <v>56</v>
      </c>
      <c r="Q42" s="17">
        <v>108087</v>
      </c>
      <c r="R42" s="17">
        <v>3</v>
      </c>
      <c r="S42" s="16">
        <v>282755</v>
      </c>
      <c r="T42" s="16">
        <v>4</v>
      </c>
      <c r="U42" s="16">
        <v>125808</v>
      </c>
      <c r="V42" s="18">
        <v>3</v>
      </c>
      <c r="W42" s="21">
        <v>304</v>
      </c>
      <c r="X42" s="42" t="s">
        <v>62</v>
      </c>
      <c r="Y42" s="16">
        <v>23116</v>
      </c>
      <c r="Z42" s="16">
        <v>2</v>
      </c>
      <c r="AA42" s="50" t="s">
        <v>56</v>
      </c>
      <c r="AB42" s="50" t="s">
        <v>56</v>
      </c>
      <c r="AC42" s="17">
        <v>21593</v>
      </c>
      <c r="AD42" s="17">
        <v>2</v>
      </c>
      <c r="AE42" s="16">
        <v>36609</v>
      </c>
      <c r="AF42" s="16">
        <v>2</v>
      </c>
      <c r="AG42" s="16">
        <v>23116</v>
      </c>
      <c r="AH42" s="18">
        <v>2</v>
      </c>
      <c r="AI42" s="16">
        <v>201062</v>
      </c>
      <c r="AJ42" s="16">
        <v>4</v>
      </c>
      <c r="AK42" s="50" t="s">
        <v>56</v>
      </c>
      <c r="AL42" s="50" t="s">
        <v>56</v>
      </c>
      <c r="AM42" s="17">
        <v>167754</v>
      </c>
      <c r="AN42" s="17">
        <v>3</v>
      </c>
      <c r="AO42" s="16">
        <v>496069</v>
      </c>
      <c r="AP42" s="19">
        <v>4</v>
      </c>
      <c r="AQ42" s="16">
        <v>201062</v>
      </c>
      <c r="AR42" s="20">
        <v>4</v>
      </c>
    </row>
    <row r="43" spans="1:44" ht="14.1" customHeight="1" x14ac:dyDescent="0.15">
      <c r="A43" s="21">
        <v>305</v>
      </c>
      <c r="B43" s="48" t="s">
        <v>63</v>
      </c>
      <c r="C43" s="16">
        <v>57955</v>
      </c>
      <c r="D43" s="16">
        <v>3</v>
      </c>
      <c r="E43" s="49" t="s">
        <v>56</v>
      </c>
      <c r="F43" s="49" t="s">
        <v>64</v>
      </c>
      <c r="G43" s="17">
        <v>37842</v>
      </c>
      <c r="H43" s="17">
        <v>4</v>
      </c>
      <c r="I43" s="16">
        <v>192661</v>
      </c>
      <c r="J43" s="16">
        <v>2</v>
      </c>
      <c r="K43" s="16">
        <v>57955</v>
      </c>
      <c r="L43" s="18">
        <v>3</v>
      </c>
      <c r="M43" s="16">
        <v>115621</v>
      </c>
      <c r="N43" s="16">
        <v>4</v>
      </c>
      <c r="O43" s="50" t="s">
        <v>56</v>
      </c>
      <c r="P43" s="50" t="s">
        <v>56</v>
      </c>
      <c r="Q43" s="17">
        <v>93070</v>
      </c>
      <c r="R43" s="17">
        <v>5</v>
      </c>
      <c r="S43" s="16">
        <v>266659</v>
      </c>
      <c r="T43" s="16">
        <v>5</v>
      </c>
      <c r="U43" s="16">
        <v>115621</v>
      </c>
      <c r="V43" s="18">
        <v>4</v>
      </c>
      <c r="W43" s="21">
        <v>305</v>
      </c>
      <c r="X43" s="42" t="s">
        <v>65</v>
      </c>
      <c r="Y43" s="16">
        <v>21175</v>
      </c>
      <c r="Z43" s="16">
        <v>4</v>
      </c>
      <c r="AA43" s="43" t="s">
        <v>56</v>
      </c>
      <c r="AB43" s="43" t="s">
        <v>57</v>
      </c>
      <c r="AC43" s="17">
        <v>19652</v>
      </c>
      <c r="AD43" s="17">
        <v>4</v>
      </c>
      <c r="AE43" s="16">
        <v>31377</v>
      </c>
      <c r="AF43" s="16">
        <v>5</v>
      </c>
      <c r="AG43" s="16">
        <v>21175</v>
      </c>
      <c r="AH43" s="18">
        <v>4</v>
      </c>
      <c r="AI43" s="16">
        <v>198808</v>
      </c>
      <c r="AJ43" s="16">
        <v>5</v>
      </c>
      <c r="AK43" s="50" t="s">
        <v>56</v>
      </c>
      <c r="AL43" s="50" t="s">
        <v>56</v>
      </c>
      <c r="AM43" s="17">
        <v>153568</v>
      </c>
      <c r="AN43" s="17">
        <v>5</v>
      </c>
      <c r="AO43" s="16">
        <v>501802</v>
      </c>
      <c r="AP43" s="19">
        <v>3</v>
      </c>
      <c r="AQ43" s="16">
        <v>198808</v>
      </c>
      <c r="AR43" s="20">
        <v>5</v>
      </c>
    </row>
    <row r="44" spans="1:44" ht="14.1" customHeight="1" thickBot="1" x14ac:dyDescent="0.2">
      <c r="A44" s="51">
        <v>306</v>
      </c>
      <c r="B44" s="52" t="s">
        <v>66</v>
      </c>
      <c r="C44" s="30">
        <v>64629</v>
      </c>
      <c r="D44" s="30">
        <v>2</v>
      </c>
      <c r="E44" s="53" t="s">
        <v>56</v>
      </c>
      <c r="F44" s="53" t="s">
        <v>64</v>
      </c>
      <c r="G44" s="31">
        <v>47573</v>
      </c>
      <c r="H44" s="31">
        <v>2</v>
      </c>
      <c r="I44" s="30">
        <v>203120</v>
      </c>
      <c r="J44" s="30">
        <v>1</v>
      </c>
      <c r="K44" s="24">
        <v>64629</v>
      </c>
      <c r="L44" s="32">
        <v>2</v>
      </c>
      <c r="M44" s="30">
        <v>113066</v>
      </c>
      <c r="N44" s="30">
        <v>6</v>
      </c>
      <c r="O44" s="8" t="s">
        <v>51</v>
      </c>
      <c r="P44" s="8" t="s">
        <v>51</v>
      </c>
      <c r="Q44" s="31">
        <v>88709</v>
      </c>
      <c r="R44" s="31">
        <v>6</v>
      </c>
      <c r="S44" s="30">
        <v>310852</v>
      </c>
      <c r="T44" s="30">
        <v>2</v>
      </c>
      <c r="U44" s="24">
        <v>113066</v>
      </c>
      <c r="V44" s="32">
        <v>6</v>
      </c>
      <c r="W44" s="51">
        <v>306</v>
      </c>
      <c r="X44" s="54" t="s">
        <v>66</v>
      </c>
      <c r="Y44" s="30">
        <v>20625</v>
      </c>
      <c r="Z44" s="30">
        <v>5</v>
      </c>
      <c r="AA44" s="8" t="s">
        <v>51</v>
      </c>
      <c r="AB44" s="8" t="s">
        <v>51</v>
      </c>
      <c r="AC44" s="31">
        <v>19091</v>
      </c>
      <c r="AD44" s="31">
        <v>5</v>
      </c>
      <c r="AE44" s="30">
        <v>33083</v>
      </c>
      <c r="AF44" s="30">
        <v>3</v>
      </c>
      <c r="AG44" s="30">
        <v>20625</v>
      </c>
      <c r="AH44" s="32">
        <v>5</v>
      </c>
      <c r="AI44" s="30">
        <v>201835</v>
      </c>
      <c r="AJ44" s="30">
        <v>3</v>
      </c>
      <c r="AK44" s="8" t="s">
        <v>51</v>
      </c>
      <c r="AL44" s="8" t="s">
        <v>51</v>
      </c>
      <c r="AM44" s="31">
        <v>158472</v>
      </c>
      <c r="AN44" s="31">
        <v>4</v>
      </c>
      <c r="AO44" s="30">
        <v>553953</v>
      </c>
      <c r="AP44" s="33">
        <v>1</v>
      </c>
      <c r="AQ44" s="24">
        <v>201835</v>
      </c>
      <c r="AR44" s="34">
        <v>3</v>
      </c>
    </row>
    <row r="45" spans="1:44" ht="14.1" customHeight="1" thickTop="1" thickBot="1" x14ac:dyDescent="0.2">
      <c r="A45" s="410" t="s">
        <v>67</v>
      </c>
      <c r="B45" s="405"/>
      <c r="C45" s="30">
        <v>127787</v>
      </c>
      <c r="D45" s="55" t="s">
        <v>51</v>
      </c>
      <c r="E45" s="56">
        <v>172781</v>
      </c>
      <c r="F45" s="55" t="s">
        <v>51</v>
      </c>
      <c r="G45" s="31">
        <v>83900</v>
      </c>
      <c r="H45" s="57" t="s">
        <v>51</v>
      </c>
      <c r="I45" s="30">
        <v>189447</v>
      </c>
      <c r="J45" s="55" t="s">
        <v>51</v>
      </c>
      <c r="K45" s="58">
        <v>127810</v>
      </c>
      <c r="L45" s="59" t="s">
        <v>51</v>
      </c>
      <c r="M45" s="30">
        <v>200371</v>
      </c>
      <c r="N45" s="8" t="s">
        <v>51</v>
      </c>
      <c r="O45" s="56">
        <v>287421</v>
      </c>
      <c r="P45" s="8" t="s">
        <v>51</v>
      </c>
      <c r="Q45" s="31">
        <v>133793</v>
      </c>
      <c r="R45" s="57" t="s">
        <v>68</v>
      </c>
      <c r="S45" s="30">
        <v>294242</v>
      </c>
      <c r="T45" s="8" t="s">
        <v>52</v>
      </c>
      <c r="U45" s="60">
        <v>200416</v>
      </c>
      <c r="V45" s="61" t="s">
        <v>51</v>
      </c>
      <c r="W45" s="410" t="s">
        <v>67</v>
      </c>
      <c r="X45" s="411"/>
      <c r="Y45" s="30">
        <v>26824</v>
      </c>
      <c r="Z45" s="62" t="s">
        <v>51</v>
      </c>
      <c r="AA45" s="56">
        <v>39178</v>
      </c>
      <c r="AB45" s="62" t="s">
        <v>51</v>
      </c>
      <c r="AC45" s="31">
        <v>21068</v>
      </c>
      <c r="AD45" s="57" t="s">
        <v>51</v>
      </c>
      <c r="AE45" s="30">
        <v>35069</v>
      </c>
      <c r="AF45" s="62" t="s">
        <v>51</v>
      </c>
      <c r="AG45" s="60">
        <v>26831</v>
      </c>
      <c r="AH45" s="61" t="s">
        <v>51</v>
      </c>
      <c r="AI45" s="30">
        <v>362177</v>
      </c>
      <c r="AJ45" s="62" t="s">
        <v>51</v>
      </c>
      <c r="AK45" s="56">
        <v>518669</v>
      </c>
      <c r="AL45" s="62" t="s">
        <v>52</v>
      </c>
      <c r="AM45" s="31">
        <v>245037</v>
      </c>
      <c r="AN45" s="57" t="s">
        <v>51</v>
      </c>
      <c r="AO45" s="30">
        <v>527300</v>
      </c>
      <c r="AP45" s="62" t="s">
        <v>51</v>
      </c>
      <c r="AQ45" s="60">
        <v>362257</v>
      </c>
      <c r="AR45" s="61" t="s">
        <v>51</v>
      </c>
    </row>
    <row r="46" spans="1:44" ht="14.1" customHeight="1" thickTop="1" thickBot="1" x14ac:dyDescent="0.2">
      <c r="A46" s="404" t="s">
        <v>69</v>
      </c>
      <c r="B46" s="405"/>
      <c r="C46" s="30">
        <v>138508</v>
      </c>
      <c r="D46" s="55" t="s">
        <v>51</v>
      </c>
      <c r="E46" s="30">
        <v>95701</v>
      </c>
      <c r="F46" s="55" t="s">
        <v>51</v>
      </c>
      <c r="G46" s="31">
        <v>117342</v>
      </c>
      <c r="H46" s="57" t="s">
        <v>51</v>
      </c>
      <c r="I46" s="30">
        <v>190348</v>
      </c>
      <c r="J46" s="55" t="s">
        <v>51</v>
      </c>
      <c r="K46" s="60">
        <v>138466</v>
      </c>
      <c r="L46" s="59" t="s">
        <v>51</v>
      </c>
      <c r="M46" s="30">
        <v>204205</v>
      </c>
      <c r="N46" s="8" t="s">
        <v>51</v>
      </c>
      <c r="O46" s="30">
        <v>192067</v>
      </c>
      <c r="P46" s="8" t="s">
        <v>51</v>
      </c>
      <c r="Q46" s="31">
        <v>175619</v>
      </c>
      <c r="R46" s="57" t="s">
        <v>51</v>
      </c>
      <c r="S46" s="30">
        <v>279859</v>
      </c>
      <c r="T46" s="8" t="s">
        <v>68</v>
      </c>
      <c r="U46" s="60">
        <v>204194</v>
      </c>
      <c r="V46" s="63" t="s">
        <v>51</v>
      </c>
      <c r="W46" s="404" t="s">
        <v>69</v>
      </c>
      <c r="X46" s="406"/>
      <c r="Y46" s="30">
        <v>25059</v>
      </c>
      <c r="Z46" s="62" t="s">
        <v>70</v>
      </c>
      <c r="AA46" s="30">
        <v>31448</v>
      </c>
      <c r="AB46" s="62" t="s">
        <v>51</v>
      </c>
      <c r="AC46" s="31">
        <v>25769</v>
      </c>
      <c r="AD46" s="57" t="s">
        <v>64</v>
      </c>
      <c r="AE46" s="30">
        <v>31198</v>
      </c>
      <c r="AF46" s="62" t="s">
        <v>51</v>
      </c>
      <c r="AG46" s="64">
        <v>25065</v>
      </c>
      <c r="AH46" s="61" t="s">
        <v>51</v>
      </c>
      <c r="AI46" s="30">
        <v>373657</v>
      </c>
      <c r="AJ46" s="62" t="s">
        <v>51</v>
      </c>
      <c r="AK46" s="30">
        <v>347333</v>
      </c>
      <c r="AL46" s="62" t="s">
        <v>51</v>
      </c>
      <c r="AM46" s="31">
        <v>325562</v>
      </c>
      <c r="AN46" s="57" t="s">
        <v>68</v>
      </c>
      <c r="AO46" s="30">
        <v>508071</v>
      </c>
      <c r="AP46" s="62" t="s">
        <v>51</v>
      </c>
      <c r="AQ46" s="64">
        <v>373632</v>
      </c>
      <c r="AR46" s="61" t="s">
        <v>51</v>
      </c>
    </row>
    <row r="47" spans="1:44" ht="14.1" customHeight="1" thickTop="1" thickBot="1" x14ac:dyDescent="0.2">
      <c r="A47" s="404" t="s">
        <v>71</v>
      </c>
      <c r="B47" s="405"/>
      <c r="C47" s="30">
        <v>128206</v>
      </c>
      <c r="D47" s="55" t="s">
        <v>51</v>
      </c>
      <c r="E47" s="30">
        <v>167259</v>
      </c>
      <c r="F47" s="55" t="s">
        <v>51</v>
      </c>
      <c r="G47" s="31">
        <v>85094</v>
      </c>
      <c r="H47" s="57" t="s">
        <v>52</v>
      </c>
      <c r="I47" s="30">
        <v>189486</v>
      </c>
      <c r="J47" s="55" t="s">
        <v>52</v>
      </c>
      <c r="K47" s="64">
        <v>128227</v>
      </c>
      <c r="L47" s="59" t="s">
        <v>72</v>
      </c>
      <c r="M47" s="30">
        <v>200521</v>
      </c>
      <c r="N47" s="8" t="s">
        <v>51</v>
      </c>
      <c r="O47" s="30">
        <v>280589</v>
      </c>
      <c r="P47" s="8" t="s">
        <v>52</v>
      </c>
      <c r="Q47" s="31">
        <v>135286</v>
      </c>
      <c r="R47" s="57" t="s">
        <v>51</v>
      </c>
      <c r="S47" s="30">
        <v>293610</v>
      </c>
      <c r="T47" s="8" t="s">
        <v>52</v>
      </c>
      <c r="U47" s="60">
        <v>200564</v>
      </c>
      <c r="V47" s="63" t="s">
        <v>72</v>
      </c>
      <c r="W47" s="404" t="s">
        <v>71</v>
      </c>
      <c r="X47" s="406"/>
      <c r="Y47" s="30">
        <v>26755</v>
      </c>
      <c r="Z47" s="62" t="s">
        <v>51</v>
      </c>
      <c r="AA47" s="30">
        <v>38624</v>
      </c>
      <c r="AB47" s="62" t="s">
        <v>64</v>
      </c>
      <c r="AC47" s="31">
        <v>21235</v>
      </c>
      <c r="AD47" s="57" t="s">
        <v>51</v>
      </c>
      <c r="AE47" s="30">
        <v>34899</v>
      </c>
      <c r="AF47" s="62" t="s">
        <v>72</v>
      </c>
      <c r="AG47" s="58">
        <v>26761</v>
      </c>
      <c r="AH47" s="61" t="s">
        <v>70</v>
      </c>
      <c r="AI47" s="30">
        <v>362626</v>
      </c>
      <c r="AJ47" s="62" t="s">
        <v>72</v>
      </c>
      <c r="AK47" s="30">
        <v>506393</v>
      </c>
      <c r="AL47" s="62" t="s">
        <v>51</v>
      </c>
      <c r="AM47" s="31">
        <v>247911</v>
      </c>
      <c r="AN47" s="57" t="s">
        <v>68</v>
      </c>
      <c r="AO47" s="30">
        <v>526456</v>
      </c>
      <c r="AP47" s="62" t="s">
        <v>51</v>
      </c>
      <c r="AQ47" s="58">
        <v>362703</v>
      </c>
      <c r="AR47" s="61" t="s">
        <v>51</v>
      </c>
    </row>
    <row r="48" spans="1:44" ht="14.1" customHeight="1" thickTop="1" thickBot="1" x14ac:dyDescent="0.2">
      <c r="A48" s="404" t="s">
        <v>73</v>
      </c>
      <c r="B48" s="405"/>
      <c r="C48" s="30">
        <v>61663</v>
      </c>
      <c r="D48" s="55" t="s">
        <v>52</v>
      </c>
      <c r="E48" s="55" t="s">
        <v>51</v>
      </c>
      <c r="F48" s="55" t="s">
        <v>51</v>
      </c>
      <c r="G48" s="31">
        <v>45334</v>
      </c>
      <c r="H48" s="57" t="s">
        <v>72</v>
      </c>
      <c r="I48" s="30">
        <v>184440</v>
      </c>
      <c r="J48" s="55" t="s">
        <v>52</v>
      </c>
      <c r="K48" s="58">
        <v>61663</v>
      </c>
      <c r="L48" s="59" t="s">
        <v>68</v>
      </c>
      <c r="M48" s="30">
        <v>119604</v>
      </c>
      <c r="N48" s="8" t="s">
        <v>51</v>
      </c>
      <c r="O48" s="8" t="s">
        <v>70</v>
      </c>
      <c r="P48" s="8" t="s">
        <v>51</v>
      </c>
      <c r="Q48" s="31">
        <v>95497</v>
      </c>
      <c r="R48" s="57" t="s">
        <v>64</v>
      </c>
      <c r="S48" s="30">
        <v>300875</v>
      </c>
      <c r="T48" s="8" t="s">
        <v>51</v>
      </c>
      <c r="U48" s="60">
        <v>119604</v>
      </c>
      <c r="V48" s="63" t="s">
        <v>51</v>
      </c>
      <c r="W48" s="404" t="s">
        <v>73</v>
      </c>
      <c r="X48" s="406"/>
      <c r="Y48" s="30">
        <v>19942</v>
      </c>
      <c r="Z48" s="62" t="s">
        <v>51</v>
      </c>
      <c r="AA48" s="62" t="s">
        <v>68</v>
      </c>
      <c r="AB48" s="62" t="s">
        <v>51</v>
      </c>
      <c r="AC48" s="31">
        <v>18390</v>
      </c>
      <c r="AD48" s="57" t="s">
        <v>51</v>
      </c>
      <c r="AE48" s="30">
        <v>31605</v>
      </c>
      <c r="AF48" s="62" t="s">
        <v>51</v>
      </c>
      <c r="AG48" s="58">
        <v>19942</v>
      </c>
      <c r="AH48" s="61" t="s">
        <v>74</v>
      </c>
      <c r="AI48" s="30">
        <v>204797</v>
      </c>
      <c r="AJ48" s="62" t="s">
        <v>64</v>
      </c>
      <c r="AK48" s="62" t="s">
        <v>51</v>
      </c>
      <c r="AL48" s="62" t="s">
        <v>51</v>
      </c>
      <c r="AM48" s="31">
        <v>162312</v>
      </c>
      <c r="AN48" s="57" t="s">
        <v>51</v>
      </c>
      <c r="AO48" s="30">
        <v>524247</v>
      </c>
      <c r="AP48" s="62" t="s">
        <v>51</v>
      </c>
      <c r="AQ48" s="58">
        <v>204797</v>
      </c>
      <c r="AR48" s="61" t="s">
        <v>51</v>
      </c>
    </row>
    <row r="49" spans="1:44" ht="14.1" customHeight="1" thickTop="1" thickBot="1" x14ac:dyDescent="0.2">
      <c r="A49" s="407" t="s">
        <v>75</v>
      </c>
      <c r="B49" s="408"/>
      <c r="C49" s="65">
        <v>123667</v>
      </c>
      <c r="D49" s="66" t="s">
        <v>51</v>
      </c>
      <c r="E49" s="67">
        <v>167259</v>
      </c>
      <c r="F49" s="66" t="s">
        <v>74</v>
      </c>
      <c r="G49" s="68">
        <v>81097</v>
      </c>
      <c r="H49" s="69" t="s">
        <v>52</v>
      </c>
      <c r="I49" s="65">
        <v>189386</v>
      </c>
      <c r="J49" s="66" t="s">
        <v>51</v>
      </c>
      <c r="K49" s="70">
        <v>123689</v>
      </c>
      <c r="L49" s="71" t="s">
        <v>51</v>
      </c>
      <c r="M49" s="65">
        <v>195001</v>
      </c>
      <c r="N49" s="72" t="s">
        <v>52</v>
      </c>
      <c r="O49" s="65">
        <v>280589</v>
      </c>
      <c r="P49" s="72" t="s">
        <v>51</v>
      </c>
      <c r="Q49" s="68">
        <v>131286</v>
      </c>
      <c r="R49" s="69" t="s">
        <v>51</v>
      </c>
      <c r="S49" s="65">
        <v>293755</v>
      </c>
      <c r="T49" s="72" t="s">
        <v>68</v>
      </c>
      <c r="U49" s="70">
        <v>195044</v>
      </c>
      <c r="V49" s="73" t="s">
        <v>52</v>
      </c>
      <c r="W49" s="407" t="s">
        <v>75</v>
      </c>
      <c r="X49" s="409"/>
      <c r="Y49" s="70">
        <v>26290</v>
      </c>
      <c r="Z49" s="72" t="s">
        <v>51</v>
      </c>
      <c r="AA49" s="70">
        <v>38624</v>
      </c>
      <c r="AB49" s="72" t="s">
        <v>51</v>
      </c>
      <c r="AC49" s="68">
        <v>20949</v>
      </c>
      <c r="AD49" s="69" t="s">
        <v>51</v>
      </c>
      <c r="AE49" s="70">
        <v>34833</v>
      </c>
      <c r="AF49" s="72" t="s">
        <v>51</v>
      </c>
      <c r="AG49" s="70">
        <v>26297</v>
      </c>
      <c r="AH49" s="73" t="s">
        <v>72</v>
      </c>
      <c r="AI49" s="70">
        <v>351861</v>
      </c>
      <c r="AJ49" s="72" t="s">
        <v>52</v>
      </c>
      <c r="AK49" s="70">
        <v>506393</v>
      </c>
      <c r="AL49" s="72" t="s">
        <v>51</v>
      </c>
      <c r="AM49" s="68">
        <v>239307</v>
      </c>
      <c r="AN49" s="69" t="s">
        <v>51</v>
      </c>
      <c r="AO49" s="70">
        <v>526412</v>
      </c>
      <c r="AP49" s="72" t="s">
        <v>51</v>
      </c>
      <c r="AQ49" s="70">
        <v>351937</v>
      </c>
      <c r="AR49" s="73" t="s">
        <v>52</v>
      </c>
    </row>
    <row r="50" spans="1:44" s="74" customFormat="1" ht="14.1" customHeight="1" x14ac:dyDescent="0.15">
      <c r="A50" s="412" t="s">
        <v>76</v>
      </c>
      <c r="B50" s="412"/>
      <c r="C50" s="412"/>
      <c r="D50" s="412"/>
      <c r="E50" s="412"/>
      <c r="F50" s="412"/>
      <c r="G50" s="412"/>
      <c r="H50" s="412"/>
      <c r="I50" s="412"/>
      <c r="J50" s="412"/>
      <c r="K50" s="412"/>
      <c r="L50" s="412"/>
      <c r="M50" s="412"/>
      <c r="N50" s="412"/>
      <c r="O50" s="412"/>
      <c r="P50" s="412"/>
      <c r="Q50" s="412"/>
      <c r="R50" s="412"/>
      <c r="S50" s="412"/>
      <c r="T50" s="412"/>
      <c r="U50" s="412"/>
      <c r="V50" s="412"/>
      <c r="W50" s="412" t="s">
        <v>76</v>
      </c>
      <c r="X50" s="412"/>
      <c r="Y50" s="412"/>
      <c r="Z50" s="412"/>
      <c r="AA50" s="412"/>
      <c r="AB50" s="412"/>
      <c r="AC50" s="412"/>
      <c r="AD50" s="412"/>
      <c r="AE50" s="412"/>
      <c r="AF50" s="412"/>
      <c r="AG50" s="412"/>
      <c r="AH50" s="412"/>
      <c r="AI50" s="412"/>
      <c r="AJ50" s="412"/>
      <c r="AK50" s="412"/>
      <c r="AL50" s="412"/>
      <c r="AM50" s="412"/>
      <c r="AN50" s="412"/>
      <c r="AO50" s="412"/>
      <c r="AP50" s="412"/>
      <c r="AQ50" s="412"/>
      <c r="AR50" s="412"/>
    </row>
    <row r="51" spans="1:44" s="2" customFormat="1" ht="21" customHeight="1" x14ac:dyDescent="0.2">
      <c r="A51" s="1" t="s">
        <v>77</v>
      </c>
      <c r="B51" s="3"/>
      <c r="C51" s="3"/>
      <c r="D51" s="3"/>
      <c r="E51" s="3"/>
      <c r="F51" s="3"/>
      <c r="G51" s="75"/>
      <c r="H51" s="75"/>
      <c r="I51" s="3"/>
      <c r="J51" s="3"/>
      <c r="K51" s="3"/>
      <c r="L51" s="3"/>
      <c r="M51" s="3"/>
      <c r="N51" s="3"/>
      <c r="O51" s="3"/>
      <c r="P51" s="3"/>
      <c r="Q51" s="75"/>
      <c r="R51" s="75"/>
      <c r="S51" s="3"/>
      <c r="T51" s="3"/>
      <c r="U51" s="3"/>
      <c r="V51" s="3"/>
      <c r="W51" s="76" t="s">
        <v>78</v>
      </c>
      <c r="X51" s="3"/>
      <c r="Y51" s="3"/>
      <c r="Z51" s="3"/>
      <c r="AA51" s="3"/>
      <c r="AB51" s="3"/>
      <c r="AC51" s="75"/>
      <c r="AD51" s="75"/>
      <c r="AE51" s="3"/>
      <c r="AF51" s="3"/>
      <c r="AG51" s="3"/>
      <c r="AH51" s="3"/>
      <c r="AI51" s="3"/>
      <c r="AJ51" s="3"/>
      <c r="AK51" s="3"/>
      <c r="AL51" s="3"/>
      <c r="AM51" s="75"/>
      <c r="AN51" s="75"/>
      <c r="AO51" s="3"/>
      <c r="AP51" s="3"/>
      <c r="AQ51" s="3"/>
      <c r="AR51" s="3"/>
    </row>
    <row r="52" spans="1:44" s="2" customFormat="1" ht="7.5" customHeight="1" thickBot="1" x14ac:dyDescent="0.25">
      <c r="A52" s="77"/>
      <c r="B52" s="3"/>
      <c r="C52" s="3"/>
      <c r="D52" s="3"/>
      <c r="E52" s="3"/>
      <c r="F52" s="3"/>
      <c r="G52" s="75"/>
      <c r="H52" s="75"/>
      <c r="I52" s="3"/>
      <c r="J52" s="3"/>
      <c r="K52" s="3"/>
      <c r="L52" s="3"/>
      <c r="M52" s="3"/>
      <c r="N52" s="3"/>
      <c r="O52" s="3"/>
      <c r="P52" s="3"/>
      <c r="Q52" s="75"/>
      <c r="R52" s="75"/>
      <c r="S52" s="3"/>
      <c r="T52" s="3"/>
      <c r="U52" s="3"/>
      <c r="V52" s="3"/>
      <c r="W52" s="3"/>
      <c r="X52" s="3"/>
      <c r="Y52" s="3"/>
      <c r="Z52" s="3"/>
      <c r="AA52" s="3"/>
      <c r="AB52" s="3"/>
      <c r="AC52" s="75"/>
      <c r="AD52" s="75"/>
      <c r="AE52" s="3"/>
      <c r="AF52" s="3"/>
      <c r="AG52" s="3"/>
      <c r="AH52" s="3"/>
      <c r="AI52" s="3"/>
      <c r="AJ52" s="3"/>
      <c r="AK52" s="3"/>
      <c r="AL52" s="3"/>
      <c r="AM52" s="75"/>
      <c r="AN52" s="75"/>
      <c r="AO52" s="3"/>
      <c r="AP52" s="3"/>
      <c r="AQ52" s="3"/>
      <c r="AR52" s="6"/>
    </row>
    <row r="53" spans="1:44" ht="10.8" x14ac:dyDescent="0.15">
      <c r="A53" s="386" t="s">
        <v>3</v>
      </c>
      <c r="B53" s="387"/>
      <c r="C53" s="392" t="s">
        <v>4</v>
      </c>
      <c r="D53" s="393"/>
      <c r="E53" s="393"/>
      <c r="F53" s="393"/>
      <c r="G53" s="393"/>
      <c r="H53" s="393"/>
      <c r="I53" s="393"/>
      <c r="J53" s="393"/>
      <c r="K53" s="393"/>
      <c r="L53" s="395"/>
      <c r="M53" s="394" t="s">
        <v>5</v>
      </c>
      <c r="N53" s="393"/>
      <c r="O53" s="393"/>
      <c r="P53" s="393"/>
      <c r="Q53" s="393"/>
      <c r="R53" s="393"/>
      <c r="S53" s="393"/>
      <c r="T53" s="393"/>
      <c r="U53" s="393"/>
      <c r="V53" s="395"/>
      <c r="W53" s="386" t="s">
        <v>3</v>
      </c>
      <c r="X53" s="396"/>
      <c r="Y53" s="392" t="s">
        <v>6</v>
      </c>
      <c r="Z53" s="393"/>
      <c r="AA53" s="393"/>
      <c r="AB53" s="393"/>
      <c r="AC53" s="393"/>
      <c r="AD53" s="393"/>
      <c r="AE53" s="393"/>
      <c r="AF53" s="393"/>
      <c r="AG53" s="393"/>
      <c r="AH53" s="395"/>
      <c r="AI53" s="393" t="s">
        <v>79</v>
      </c>
      <c r="AJ53" s="393"/>
      <c r="AK53" s="393"/>
      <c r="AL53" s="393"/>
      <c r="AM53" s="393"/>
      <c r="AN53" s="393"/>
      <c r="AO53" s="393"/>
      <c r="AP53" s="393"/>
      <c r="AQ53" s="393"/>
      <c r="AR53" s="395"/>
    </row>
    <row r="54" spans="1:44" ht="10.5" customHeight="1" x14ac:dyDescent="0.15">
      <c r="A54" s="388"/>
      <c r="B54" s="389"/>
      <c r="C54" s="399" t="s">
        <v>9</v>
      </c>
      <c r="D54" s="400"/>
      <c r="E54" s="399" t="s">
        <v>10</v>
      </c>
      <c r="F54" s="400"/>
      <c r="G54" s="401" t="s">
        <v>11</v>
      </c>
      <c r="H54" s="402"/>
      <c r="I54" s="399" t="s">
        <v>12</v>
      </c>
      <c r="J54" s="400"/>
      <c r="K54" s="399" t="s">
        <v>13</v>
      </c>
      <c r="L54" s="403"/>
      <c r="M54" s="399" t="s">
        <v>9</v>
      </c>
      <c r="N54" s="400"/>
      <c r="O54" s="399" t="s">
        <v>14</v>
      </c>
      <c r="P54" s="400"/>
      <c r="Q54" s="401" t="s">
        <v>80</v>
      </c>
      <c r="R54" s="402"/>
      <c r="S54" s="399" t="s">
        <v>12</v>
      </c>
      <c r="T54" s="400"/>
      <c r="U54" s="399" t="s">
        <v>13</v>
      </c>
      <c r="V54" s="403"/>
      <c r="W54" s="388"/>
      <c r="X54" s="397"/>
      <c r="Y54" s="399" t="s">
        <v>9</v>
      </c>
      <c r="Z54" s="400"/>
      <c r="AA54" s="399" t="s">
        <v>10</v>
      </c>
      <c r="AB54" s="400"/>
      <c r="AC54" s="401" t="s">
        <v>80</v>
      </c>
      <c r="AD54" s="402"/>
      <c r="AE54" s="399" t="s">
        <v>12</v>
      </c>
      <c r="AF54" s="400"/>
      <c r="AG54" s="399" t="s">
        <v>13</v>
      </c>
      <c r="AH54" s="403"/>
      <c r="AI54" s="399" t="s">
        <v>9</v>
      </c>
      <c r="AJ54" s="400"/>
      <c r="AK54" s="399" t="s">
        <v>10</v>
      </c>
      <c r="AL54" s="400"/>
      <c r="AM54" s="401" t="s">
        <v>80</v>
      </c>
      <c r="AN54" s="402"/>
      <c r="AO54" s="399" t="s">
        <v>12</v>
      </c>
      <c r="AP54" s="400"/>
      <c r="AQ54" s="399" t="s">
        <v>13</v>
      </c>
      <c r="AR54" s="403"/>
    </row>
    <row r="55" spans="1:44" ht="10.5" customHeight="1" thickBot="1" x14ac:dyDescent="0.2">
      <c r="A55" s="390"/>
      <c r="B55" s="391"/>
      <c r="C55" s="8" t="s">
        <v>15</v>
      </c>
      <c r="D55" s="9" t="s">
        <v>16</v>
      </c>
      <c r="E55" s="10" t="s">
        <v>15</v>
      </c>
      <c r="F55" s="10" t="s">
        <v>16</v>
      </c>
      <c r="G55" s="11" t="s">
        <v>15</v>
      </c>
      <c r="H55" s="12" t="s">
        <v>16</v>
      </c>
      <c r="I55" s="8" t="s">
        <v>15</v>
      </c>
      <c r="J55" s="9" t="s">
        <v>16</v>
      </c>
      <c r="K55" s="8" t="s">
        <v>15</v>
      </c>
      <c r="L55" s="13" t="s">
        <v>16</v>
      </c>
      <c r="M55" s="8" t="s">
        <v>15</v>
      </c>
      <c r="N55" s="9" t="s">
        <v>16</v>
      </c>
      <c r="O55" s="10" t="s">
        <v>15</v>
      </c>
      <c r="P55" s="10" t="s">
        <v>16</v>
      </c>
      <c r="Q55" s="11" t="s">
        <v>15</v>
      </c>
      <c r="R55" s="12" t="s">
        <v>16</v>
      </c>
      <c r="S55" s="8" t="s">
        <v>15</v>
      </c>
      <c r="T55" s="9" t="s">
        <v>16</v>
      </c>
      <c r="U55" s="8" t="s">
        <v>15</v>
      </c>
      <c r="V55" s="13" t="s">
        <v>16</v>
      </c>
      <c r="W55" s="390"/>
      <c r="X55" s="398"/>
      <c r="Y55" s="8" t="s">
        <v>15</v>
      </c>
      <c r="Z55" s="9" t="s">
        <v>16</v>
      </c>
      <c r="AA55" s="10" t="s">
        <v>15</v>
      </c>
      <c r="AB55" s="10" t="s">
        <v>16</v>
      </c>
      <c r="AC55" s="11" t="s">
        <v>15</v>
      </c>
      <c r="AD55" s="12" t="s">
        <v>16</v>
      </c>
      <c r="AE55" s="8" t="s">
        <v>15</v>
      </c>
      <c r="AF55" s="9" t="s">
        <v>16</v>
      </c>
      <c r="AG55" s="8" t="s">
        <v>15</v>
      </c>
      <c r="AH55" s="13" t="s">
        <v>16</v>
      </c>
      <c r="AI55" s="8" t="s">
        <v>15</v>
      </c>
      <c r="AJ55" s="9" t="s">
        <v>16</v>
      </c>
      <c r="AK55" s="10" t="s">
        <v>15</v>
      </c>
      <c r="AL55" s="10" t="s">
        <v>16</v>
      </c>
      <c r="AM55" s="11" t="s">
        <v>15</v>
      </c>
      <c r="AN55" s="12" t="s">
        <v>16</v>
      </c>
      <c r="AO55" s="8" t="s">
        <v>15</v>
      </c>
      <c r="AP55" s="9" t="s">
        <v>16</v>
      </c>
      <c r="AQ55" s="8" t="s">
        <v>15</v>
      </c>
      <c r="AR55" s="13" t="s">
        <v>16</v>
      </c>
    </row>
    <row r="56" spans="1:44" ht="14.1" customHeight="1" thickTop="1" x14ac:dyDescent="0.15">
      <c r="A56" s="14">
        <v>1</v>
      </c>
      <c r="B56" s="15" t="s">
        <v>17</v>
      </c>
      <c r="C56" s="16">
        <v>44195</v>
      </c>
      <c r="D56" s="16">
        <v>4</v>
      </c>
      <c r="E56" s="16">
        <v>33097</v>
      </c>
      <c r="F56" s="16">
        <v>14</v>
      </c>
      <c r="G56" s="17">
        <v>35368</v>
      </c>
      <c r="H56" s="17">
        <v>8</v>
      </c>
      <c r="I56" s="16">
        <v>52041</v>
      </c>
      <c r="J56" s="16">
        <v>3</v>
      </c>
      <c r="K56" s="16">
        <v>44187</v>
      </c>
      <c r="L56" s="18">
        <v>5</v>
      </c>
      <c r="M56" s="16">
        <v>14790</v>
      </c>
      <c r="N56" s="16">
        <v>31</v>
      </c>
      <c r="O56" s="16">
        <v>13395</v>
      </c>
      <c r="P56" s="16">
        <v>20</v>
      </c>
      <c r="Q56" s="17">
        <v>14264</v>
      </c>
      <c r="R56" s="17">
        <v>29</v>
      </c>
      <c r="S56" s="16">
        <v>15139</v>
      </c>
      <c r="T56" s="16">
        <v>31</v>
      </c>
      <c r="U56" s="16">
        <v>14789</v>
      </c>
      <c r="V56" s="18">
        <v>31</v>
      </c>
      <c r="W56" s="14">
        <v>1</v>
      </c>
      <c r="X56" s="16" t="s">
        <v>17</v>
      </c>
      <c r="Y56" s="16">
        <v>7360</v>
      </c>
      <c r="Z56" s="16">
        <v>11</v>
      </c>
      <c r="AA56" s="16">
        <v>7163</v>
      </c>
      <c r="AB56" s="16">
        <v>14</v>
      </c>
      <c r="AC56" s="17">
        <v>7499</v>
      </c>
      <c r="AD56" s="17">
        <v>4</v>
      </c>
      <c r="AE56" s="16">
        <v>7250</v>
      </c>
      <c r="AF56" s="16">
        <v>13</v>
      </c>
      <c r="AG56" s="16">
        <v>7360</v>
      </c>
      <c r="AH56" s="18">
        <v>11</v>
      </c>
      <c r="AI56" s="16">
        <v>17551</v>
      </c>
      <c r="AJ56" s="16">
        <v>29</v>
      </c>
      <c r="AK56" s="16">
        <v>15717</v>
      </c>
      <c r="AL56" s="16">
        <v>13</v>
      </c>
      <c r="AM56" s="17">
        <v>16263</v>
      </c>
      <c r="AN56" s="17">
        <v>29</v>
      </c>
      <c r="AO56" s="16">
        <v>18479</v>
      </c>
      <c r="AP56" s="19">
        <v>29</v>
      </c>
      <c r="AQ56" s="16">
        <v>17549</v>
      </c>
      <c r="AR56" s="20">
        <v>29</v>
      </c>
    </row>
    <row r="57" spans="1:44" ht="14.1" customHeight="1" x14ac:dyDescent="0.15">
      <c r="A57" s="21">
        <v>2</v>
      </c>
      <c r="B57" s="15" t="s">
        <v>18</v>
      </c>
      <c r="C57" s="16">
        <v>44225</v>
      </c>
      <c r="D57" s="16">
        <v>3</v>
      </c>
      <c r="E57" s="16">
        <v>54820</v>
      </c>
      <c r="F57" s="16">
        <v>7</v>
      </c>
      <c r="G57" s="17">
        <v>37638</v>
      </c>
      <c r="H57" s="17">
        <v>2</v>
      </c>
      <c r="I57" s="16">
        <v>49764</v>
      </c>
      <c r="J57" s="16">
        <v>8</v>
      </c>
      <c r="K57" s="16">
        <v>44232</v>
      </c>
      <c r="L57" s="18">
        <v>3</v>
      </c>
      <c r="M57" s="16">
        <v>14973</v>
      </c>
      <c r="N57" s="16">
        <v>29</v>
      </c>
      <c r="O57" s="16">
        <v>16276</v>
      </c>
      <c r="P57" s="16">
        <v>12</v>
      </c>
      <c r="Q57" s="17">
        <v>14449</v>
      </c>
      <c r="R57" s="17">
        <v>27</v>
      </c>
      <c r="S57" s="16">
        <v>15379</v>
      </c>
      <c r="T57" s="16">
        <v>30</v>
      </c>
      <c r="U57" s="16">
        <v>14974</v>
      </c>
      <c r="V57" s="18">
        <v>29</v>
      </c>
      <c r="W57" s="21">
        <v>2</v>
      </c>
      <c r="X57" s="16" t="s">
        <v>18</v>
      </c>
      <c r="Y57" s="16">
        <v>7265</v>
      </c>
      <c r="Z57" s="16">
        <v>15</v>
      </c>
      <c r="AA57" s="16">
        <v>6494</v>
      </c>
      <c r="AB57" s="16">
        <v>21</v>
      </c>
      <c r="AC57" s="17">
        <v>7384</v>
      </c>
      <c r="AD57" s="17">
        <v>13</v>
      </c>
      <c r="AE57" s="16">
        <v>7147</v>
      </c>
      <c r="AF57" s="16">
        <v>19</v>
      </c>
      <c r="AG57" s="16">
        <v>7264</v>
      </c>
      <c r="AH57" s="18">
        <v>15</v>
      </c>
      <c r="AI57" s="16">
        <v>17763</v>
      </c>
      <c r="AJ57" s="16">
        <v>26</v>
      </c>
      <c r="AK57" s="16">
        <v>19278</v>
      </c>
      <c r="AL57" s="16">
        <v>8</v>
      </c>
      <c r="AM57" s="17">
        <v>16364</v>
      </c>
      <c r="AN57" s="17">
        <v>27</v>
      </c>
      <c r="AO57" s="16">
        <v>18923</v>
      </c>
      <c r="AP57" s="19">
        <v>17</v>
      </c>
      <c r="AQ57" s="16">
        <v>17765</v>
      </c>
      <c r="AR57" s="20">
        <v>26</v>
      </c>
    </row>
    <row r="58" spans="1:44" ht="14.1" customHeight="1" x14ac:dyDescent="0.15">
      <c r="A58" s="21">
        <v>3</v>
      </c>
      <c r="B58" s="15" t="s">
        <v>19</v>
      </c>
      <c r="C58" s="16">
        <v>45624</v>
      </c>
      <c r="D58" s="16">
        <v>1</v>
      </c>
      <c r="E58" s="16">
        <v>62040</v>
      </c>
      <c r="F58" s="16">
        <v>6</v>
      </c>
      <c r="G58" s="17">
        <v>35575</v>
      </c>
      <c r="H58" s="17">
        <v>7</v>
      </c>
      <c r="I58" s="16">
        <v>53390</v>
      </c>
      <c r="J58" s="16">
        <v>2</v>
      </c>
      <c r="K58" s="16">
        <v>45629</v>
      </c>
      <c r="L58" s="18">
        <v>1</v>
      </c>
      <c r="M58" s="16">
        <v>15264</v>
      </c>
      <c r="N58" s="16">
        <v>25</v>
      </c>
      <c r="O58" s="16">
        <v>14624</v>
      </c>
      <c r="P58" s="16">
        <v>17</v>
      </c>
      <c r="Q58" s="17">
        <v>14878</v>
      </c>
      <c r="R58" s="17">
        <v>22</v>
      </c>
      <c r="S58" s="16">
        <v>15472</v>
      </c>
      <c r="T58" s="16">
        <v>28</v>
      </c>
      <c r="U58" s="16">
        <v>15264</v>
      </c>
      <c r="V58" s="18">
        <v>25</v>
      </c>
      <c r="W58" s="21">
        <v>3</v>
      </c>
      <c r="X58" s="16" t="s">
        <v>19</v>
      </c>
      <c r="Y58" s="16">
        <v>7239</v>
      </c>
      <c r="Z58" s="16">
        <v>18</v>
      </c>
      <c r="AA58" s="16">
        <v>6468</v>
      </c>
      <c r="AB58" s="16">
        <v>23</v>
      </c>
      <c r="AC58" s="17">
        <v>7363</v>
      </c>
      <c r="AD58" s="17">
        <v>16</v>
      </c>
      <c r="AE58" s="16">
        <v>7156</v>
      </c>
      <c r="AF58" s="16">
        <v>17</v>
      </c>
      <c r="AG58" s="16">
        <v>7238</v>
      </c>
      <c r="AH58" s="18">
        <v>18</v>
      </c>
      <c r="AI58" s="16">
        <v>17974</v>
      </c>
      <c r="AJ58" s="16">
        <v>18</v>
      </c>
      <c r="AK58" s="16">
        <v>15737</v>
      </c>
      <c r="AL58" s="16">
        <v>12</v>
      </c>
      <c r="AM58" s="17">
        <v>16710</v>
      </c>
      <c r="AN58" s="17">
        <v>16</v>
      </c>
      <c r="AO58" s="16">
        <v>18729</v>
      </c>
      <c r="AP58" s="19">
        <v>24</v>
      </c>
      <c r="AQ58" s="16">
        <v>17973</v>
      </c>
      <c r="AR58" s="20">
        <v>18</v>
      </c>
    </row>
    <row r="59" spans="1:44" ht="14.1" customHeight="1" x14ac:dyDescent="0.15">
      <c r="A59" s="21">
        <v>4</v>
      </c>
      <c r="B59" s="15" t="s">
        <v>20</v>
      </c>
      <c r="C59" s="16">
        <v>39228</v>
      </c>
      <c r="D59" s="16">
        <v>22</v>
      </c>
      <c r="E59" s="16">
        <v>53546</v>
      </c>
      <c r="F59" s="16">
        <v>8</v>
      </c>
      <c r="G59" s="17">
        <v>31144</v>
      </c>
      <c r="H59" s="17">
        <v>22</v>
      </c>
      <c r="I59" s="16">
        <v>45713</v>
      </c>
      <c r="J59" s="16">
        <v>19</v>
      </c>
      <c r="K59" s="16">
        <v>39237</v>
      </c>
      <c r="L59" s="18">
        <v>22</v>
      </c>
      <c r="M59" s="16">
        <v>15678</v>
      </c>
      <c r="N59" s="16">
        <v>17</v>
      </c>
      <c r="O59" s="16">
        <v>12312</v>
      </c>
      <c r="P59" s="16">
        <v>27</v>
      </c>
      <c r="Q59" s="17">
        <v>15190</v>
      </c>
      <c r="R59" s="17">
        <v>17</v>
      </c>
      <c r="S59" s="16">
        <v>15980</v>
      </c>
      <c r="T59" s="16">
        <v>20</v>
      </c>
      <c r="U59" s="16">
        <v>15676</v>
      </c>
      <c r="V59" s="18">
        <v>17</v>
      </c>
      <c r="W59" s="21">
        <v>4</v>
      </c>
      <c r="X59" s="16" t="s">
        <v>20</v>
      </c>
      <c r="Y59" s="16">
        <v>7187</v>
      </c>
      <c r="Z59" s="16">
        <v>21</v>
      </c>
      <c r="AA59" s="16">
        <v>6823</v>
      </c>
      <c r="AB59" s="16">
        <v>19</v>
      </c>
      <c r="AC59" s="17">
        <v>7257</v>
      </c>
      <c r="AD59" s="17">
        <v>19</v>
      </c>
      <c r="AE59" s="16">
        <v>7135</v>
      </c>
      <c r="AF59" s="16">
        <v>20</v>
      </c>
      <c r="AG59" s="16">
        <v>7186</v>
      </c>
      <c r="AH59" s="18">
        <v>21</v>
      </c>
      <c r="AI59" s="16">
        <v>17924</v>
      </c>
      <c r="AJ59" s="16">
        <v>23</v>
      </c>
      <c r="AK59" s="16">
        <v>17108</v>
      </c>
      <c r="AL59" s="16">
        <v>11</v>
      </c>
      <c r="AM59" s="17">
        <v>16502</v>
      </c>
      <c r="AN59" s="17">
        <v>25</v>
      </c>
      <c r="AO59" s="16">
        <v>18877</v>
      </c>
      <c r="AP59" s="19">
        <v>19</v>
      </c>
      <c r="AQ59" s="16">
        <v>17923</v>
      </c>
      <c r="AR59" s="20">
        <v>22</v>
      </c>
    </row>
    <row r="60" spans="1:44" ht="14.1" customHeight="1" x14ac:dyDescent="0.15">
      <c r="A60" s="21">
        <v>5</v>
      </c>
      <c r="B60" s="15" t="s">
        <v>21</v>
      </c>
      <c r="C60" s="16">
        <v>42129</v>
      </c>
      <c r="D60" s="16">
        <v>10</v>
      </c>
      <c r="E60" s="16">
        <v>66117</v>
      </c>
      <c r="F60" s="16">
        <v>4</v>
      </c>
      <c r="G60" s="17">
        <v>32026</v>
      </c>
      <c r="H60" s="17">
        <v>19</v>
      </c>
      <c r="I60" s="16">
        <v>50972</v>
      </c>
      <c r="J60" s="16">
        <v>5</v>
      </c>
      <c r="K60" s="16">
        <v>42148</v>
      </c>
      <c r="L60" s="18">
        <v>10</v>
      </c>
      <c r="M60" s="16">
        <v>15237</v>
      </c>
      <c r="N60" s="16">
        <v>26</v>
      </c>
      <c r="O60" s="16">
        <v>12893</v>
      </c>
      <c r="P60" s="16">
        <v>25</v>
      </c>
      <c r="Q60" s="17">
        <v>13998</v>
      </c>
      <c r="R60" s="17">
        <v>30</v>
      </c>
      <c r="S60" s="16">
        <v>16105</v>
      </c>
      <c r="T60" s="16">
        <v>17</v>
      </c>
      <c r="U60" s="16">
        <v>15234</v>
      </c>
      <c r="V60" s="18">
        <v>26</v>
      </c>
      <c r="W60" s="21">
        <v>5</v>
      </c>
      <c r="X60" s="16" t="s">
        <v>21</v>
      </c>
      <c r="Y60" s="16">
        <v>7427</v>
      </c>
      <c r="Z60" s="16">
        <v>7</v>
      </c>
      <c r="AA60" s="16">
        <v>8179</v>
      </c>
      <c r="AB60" s="16">
        <v>8</v>
      </c>
      <c r="AC60" s="17">
        <v>7593</v>
      </c>
      <c r="AD60" s="17">
        <v>2</v>
      </c>
      <c r="AE60" s="16">
        <v>7299</v>
      </c>
      <c r="AF60" s="16">
        <v>10</v>
      </c>
      <c r="AG60" s="16">
        <v>7428</v>
      </c>
      <c r="AH60" s="18">
        <v>7</v>
      </c>
      <c r="AI60" s="16">
        <v>17325</v>
      </c>
      <c r="AJ60" s="16">
        <v>31</v>
      </c>
      <c r="AK60" s="16">
        <v>17560</v>
      </c>
      <c r="AL60" s="16">
        <v>10</v>
      </c>
      <c r="AM60" s="17">
        <v>15378</v>
      </c>
      <c r="AN60" s="17">
        <v>32</v>
      </c>
      <c r="AO60" s="16">
        <v>18760</v>
      </c>
      <c r="AP60" s="19">
        <v>23</v>
      </c>
      <c r="AQ60" s="16">
        <v>17325</v>
      </c>
      <c r="AR60" s="20">
        <v>31</v>
      </c>
    </row>
    <row r="61" spans="1:44" ht="14.1" customHeight="1" x14ac:dyDescent="0.15">
      <c r="A61" s="21">
        <v>6</v>
      </c>
      <c r="B61" s="15" t="s">
        <v>22</v>
      </c>
      <c r="C61" s="16">
        <v>40884</v>
      </c>
      <c r="D61" s="16">
        <v>14</v>
      </c>
      <c r="E61" s="16">
        <v>32775</v>
      </c>
      <c r="F61" s="16">
        <v>15</v>
      </c>
      <c r="G61" s="17">
        <v>32438</v>
      </c>
      <c r="H61" s="17">
        <v>17</v>
      </c>
      <c r="I61" s="16">
        <v>49291</v>
      </c>
      <c r="J61" s="16">
        <v>9</v>
      </c>
      <c r="K61" s="16">
        <v>40878</v>
      </c>
      <c r="L61" s="18">
        <v>14</v>
      </c>
      <c r="M61" s="16">
        <v>14687</v>
      </c>
      <c r="N61" s="16">
        <v>32</v>
      </c>
      <c r="O61" s="16">
        <v>13184</v>
      </c>
      <c r="P61" s="16">
        <v>23</v>
      </c>
      <c r="Q61" s="17">
        <v>13536</v>
      </c>
      <c r="R61" s="17">
        <v>33</v>
      </c>
      <c r="S61" s="16">
        <v>15455</v>
      </c>
      <c r="T61" s="16">
        <v>29</v>
      </c>
      <c r="U61" s="16">
        <v>14686</v>
      </c>
      <c r="V61" s="18">
        <v>32</v>
      </c>
      <c r="W61" s="21">
        <v>6</v>
      </c>
      <c r="X61" s="16" t="s">
        <v>22</v>
      </c>
      <c r="Y61" s="16">
        <v>7255</v>
      </c>
      <c r="Z61" s="16">
        <v>16</v>
      </c>
      <c r="AA61" s="16">
        <v>6296</v>
      </c>
      <c r="AB61" s="16">
        <v>26</v>
      </c>
      <c r="AC61" s="17">
        <v>7419</v>
      </c>
      <c r="AD61" s="17">
        <v>10</v>
      </c>
      <c r="AE61" s="16">
        <v>7121</v>
      </c>
      <c r="AF61" s="16">
        <v>21</v>
      </c>
      <c r="AG61" s="16">
        <v>7255</v>
      </c>
      <c r="AH61" s="18">
        <v>16</v>
      </c>
      <c r="AI61" s="16">
        <v>16996</v>
      </c>
      <c r="AJ61" s="16">
        <v>33</v>
      </c>
      <c r="AK61" s="16">
        <v>14791</v>
      </c>
      <c r="AL61" s="16">
        <v>14</v>
      </c>
      <c r="AM61" s="17">
        <v>15453</v>
      </c>
      <c r="AN61" s="17">
        <v>31</v>
      </c>
      <c r="AO61" s="16">
        <v>18140</v>
      </c>
      <c r="AP61" s="19">
        <v>33</v>
      </c>
      <c r="AQ61" s="16">
        <v>16994</v>
      </c>
      <c r="AR61" s="20">
        <v>33</v>
      </c>
    </row>
    <row r="62" spans="1:44" ht="14.1" customHeight="1" x14ac:dyDescent="0.15">
      <c r="A62" s="21">
        <v>7</v>
      </c>
      <c r="B62" s="15" t="s">
        <v>23</v>
      </c>
      <c r="C62" s="16">
        <v>36342</v>
      </c>
      <c r="D62" s="16">
        <v>30</v>
      </c>
      <c r="E62" s="16">
        <v>81817</v>
      </c>
      <c r="F62" s="16">
        <v>2</v>
      </c>
      <c r="G62" s="17">
        <v>30085</v>
      </c>
      <c r="H62" s="17">
        <v>25</v>
      </c>
      <c r="I62" s="16">
        <v>41836</v>
      </c>
      <c r="J62" s="16">
        <v>31</v>
      </c>
      <c r="K62" s="16">
        <v>36346</v>
      </c>
      <c r="L62" s="18">
        <v>30</v>
      </c>
      <c r="M62" s="16">
        <v>15227</v>
      </c>
      <c r="N62" s="16">
        <v>27</v>
      </c>
      <c r="O62" s="16">
        <v>13251</v>
      </c>
      <c r="P62" s="16">
        <v>22</v>
      </c>
      <c r="Q62" s="17">
        <v>14367</v>
      </c>
      <c r="R62" s="17">
        <v>28</v>
      </c>
      <c r="S62" s="16">
        <v>15726</v>
      </c>
      <c r="T62" s="16">
        <v>25</v>
      </c>
      <c r="U62" s="16">
        <v>15224</v>
      </c>
      <c r="V62" s="18">
        <v>27</v>
      </c>
      <c r="W62" s="21">
        <v>7</v>
      </c>
      <c r="X62" s="16" t="s">
        <v>23</v>
      </c>
      <c r="Y62" s="16">
        <v>7519</v>
      </c>
      <c r="Z62" s="16">
        <v>5</v>
      </c>
      <c r="AA62" s="16">
        <v>7969</v>
      </c>
      <c r="AB62" s="16">
        <v>9</v>
      </c>
      <c r="AC62" s="17">
        <v>7484</v>
      </c>
      <c r="AD62" s="17">
        <v>5</v>
      </c>
      <c r="AE62" s="16">
        <v>7545</v>
      </c>
      <c r="AF62" s="16">
        <v>7</v>
      </c>
      <c r="AG62" s="16">
        <v>7520</v>
      </c>
      <c r="AH62" s="18">
        <v>5</v>
      </c>
      <c r="AI62" s="16">
        <v>17927</v>
      </c>
      <c r="AJ62" s="16">
        <v>22</v>
      </c>
      <c r="AK62" s="16">
        <v>12685</v>
      </c>
      <c r="AL62" s="16">
        <v>25</v>
      </c>
      <c r="AM62" s="17">
        <v>16621</v>
      </c>
      <c r="AN62" s="17">
        <v>22</v>
      </c>
      <c r="AO62" s="16">
        <v>18787</v>
      </c>
      <c r="AP62" s="19">
        <v>22</v>
      </c>
      <c r="AQ62" s="16">
        <v>17920</v>
      </c>
      <c r="AR62" s="20">
        <v>23</v>
      </c>
    </row>
    <row r="63" spans="1:44" ht="14.1" customHeight="1" x14ac:dyDescent="0.15">
      <c r="A63" s="21">
        <v>8</v>
      </c>
      <c r="B63" s="15" t="s">
        <v>24</v>
      </c>
      <c r="C63" s="16">
        <v>42547</v>
      </c>
      <c r="D63" s="16">
        <v>9</v>
      </c>
      <c r="E63" s="16">
        <v>72172</v>
      </c>
      <c r="F63" s="16">
        <v>3</v>
      </c>
      <c r="G63" s="17">
        <v>33941</v>
      </c>
      <c r="H63" s="17">
        <v>14</v>
      </c>
      <c r="I63" s="16">
        <v>49903</v>
      </c>
      <c r="J63" s="16">
        <v>7</v>
      </c>
      <c r="K63" s="16">
        <v>42557</v>
      </c>
      <c r="L63" s="18">
        <v>9</v>
      </c>
      <c r="M63" s="16">
        <v>15616</v>
      </c>
      <c r="N63" s="16">
        <v>19</v>
      </c>
      <c r="O63" s="16">
        <v>22611</v>
      </c>
      <c r="P63" s="16">
        <v>4</v>
      </c>
      <c r="Q63" s="17">
        <v>14517</v>
      </c>
      <c r="R63" s="17">
        <v>26</v>
      </c>
      <c r="S63" s="16">
        <v>16311</v>
      </c>
      <c r="T63" s="16">
        <v>14</v>
      </c>
      <c r="U63" s="16">
        <v>15620</v>
      </c>
      <c r="V63" s="18">
        <v>19</v>
      </c>
      <c r="W63" s="21">
        <v>8</v>
      </c>
      <c r="X63" s="16" t="s">
        <v>24</v>
      </c>
      <c r="Y63" s="16">
        <v>7302</v>
      </c>
      <c r="Z63" s="16">
        <v>14</v>
      </c>
      <c r="AA63" s="16">
        <v>7119</v>
      </c>
      <c r="AB63" s="16">
        <v>15</v>
      </c>
      <c r="AC63" s="17">
        <v>7429</v>
      </c>
      <c r="AD63" s="17">
        <v>9</v>
      </c>
      <c r="AE63" s="16">
        <v>7209</v>
      </c>
      <c r="AF63" s="16">
        <v>14</v>
      </c>
      <c r="AG63" s="16">
        <v>7302</v>
      </c>
      <c r="AH63" s="18">
        <v>14</v>
      </c>
      <c r="AI63" s="16">
        <v>17931</v>
      </c>
      <c r="AJ63" s="16">
        <v>21</v>
      </c>
      <c r="AK63" s="16">
        <v>23836</v>
      </c>
      <c r="AL63" s="16">
        <v>3</v>
      </c>
      <c r="AM63" s="17">
        <v>16302</v>
      </c>
      <c r="AN63" s="17">
        <v>28</v>
      </c>
      <c r="AO63" s="16">
        <v>19045</v>
      </c>
      <c r="AP63" s="19">
        <v>15</v>
      </c>
      <c r="AQ63" s="16">
        <v>17935</v>
      </c>
      <c r="AR63" s="20">
        <v>21</v>
      </c>
    </row>
    <row r="64" spans="1:44" ht="14.1" customHeight="1" x14ac:dyDescent="0.15">
      <c r="A64" s="21">
        <v>9</v>
      </c>
      <c r="B64" s="15" t="s">
        <v>25</v>
      </c>
      <c r="C64" s="16">
        <v>42744</v>
      </c>
      <c r="D64" s="16">
        <v>7</v>
      </c>
      <c r="E64" s="16">
        <v>0</v>
      </c>
      <c r="F64" s="16">
        <v>20</v>
      </c>
      <c r="G64" s="17">
        <v>35897</v>
      </c>
      <c r="H64" s="17">
        <v>5</v>
      </c>
      <c r="I64" s="16">
        <v>48481</v>
      </c>
      <c r="J64" s="16">
        <v>12</v>
      </c>
      <c r="K64" s="16">
        <v>42744</v>
      </c>
      <c r="L64" s="18">
        <v>7</v>
      </c>
      <c r="M64" s="16">
        <v>15477</v>
      </c>
      <c r="N64" s="16">
        <v>22</v>
      </c>
      <c r="O64" s="16">
        <v>27379</v>
      </c>
      <c r="P64" s="16">
        <v>2</v>
      </c>
      <c r="Q64" s="17">
        <v>15060</v>
      </c>
      <c r="R64" s="17">
        <v>18</v>
      </c>
      <c r="S64" s="16">
        <v>15736</v>
      </c>
      <c r="T64" s="16">
        <v>24</v>
      </c>
      <c r="U64" s="16">
        <v>15486</v>
      </c>
      <c r="V64" s="18">
        <v>22</v>
      </c>
      <c r="W64" s="21">
        <v>9</v>
      </c>
      <c r="X64" s="16" t="s">
        <v>25</v>
      </c>
      <c r="Y64" s="16">
        <v>6944</v>
      </c>
      <c r="Z64" s="16">
        <v>30</v>
      </c>
      <c r="AA64" s="16">
        <v>6369</v>
      </c>
      <c r="AB64" s="16">
        <v>24</v>
      </c>
      <c r="AC64" s="17">
        <v>7074</v>
      </c>
      <c r="AD64" s="17">
        <v>28</v>
      </c>
      <c r="AE64" s="16">
        <v>6849</v>
      </c>
      <c r="AF64" s="16">
        <v>31</v>
      </c>
      <c r="AG64" s="16">
        <v>6943</v>
      </c>
      <c r="AH64" s="18">
        <v>31</v>
      </c>
      <c r="AI64" s="16">
        <v>17684</v>
      </c>
      <c r="AJ64" s="16">
        <v>27</v>
      </c>
      <c r="AK64" s="16">
        <v>19845</v>
      </c>
      <c r="AL64" s="16">
        <v>7</v>
      </c>
      <c r="AM64" s="17">
        <v>16724</v>
      </c>
      <c r="AN64" s="17">
        <v>15</v>
      </c>
      <c r="AO64" s="16">
        <v>18335</v>
      </c>
      <c r="AP64" s="19">
        <v>31</v>
      </c>
      <c r="AQ64" s="16">
        <v>17685</v>
      </c>
      <c r="AR64" s="20">
        <v>27</v>
      </c>
    </row>
    <row r="65" spans="1:44" ht="14.1" customHeight="1" x14ac:dyDescent="0.15">
      <c r="A65" s="21">
        <v>10</v>
      </c>
      <c r="B65" s="15" t="s">
        <v>26</v>
      </c>
      <c r="C65" s="16">
        <v>38785</v>
      </c>
      <c r="D65" s="16">
        <v>25</v>
      </c>
      <c r="E65" s="16">
        <v>44471</v>
      </c>
      <c r="F65" s="16">
        <v>10</v>
      </c>
      <c r="G65" s="17">
        <v>31547</v>
      </c>
      <c r="H65" s="17">
        <v>21</v>
      </c>
      <c r="I65" s="16">
        <v>45331</v>
      </c>
      <c r="J65" s="16">
        <v>21</v>
      </c>
      <c r="K65" s="16">
        <v>38794</v>
      </c>
      <c r="L65" s="18">
        <v>25</v>
      </c>
      <c r="M65" s="16">
        <v>15692</v>
      </c>
      <c r="N65" s="16">
        <v>16</v>
      </c>
      <c r="O65" s="16">
        <v>17688</v>
      </c>
      <c r="P65" s="16">
        <v>8</v>
      </c>
      <c r="Q65" s="17">
        <v>15027</v>
      </c>
      <c r="R65" s="17">
        <v>20</v>
      </c>
      <c r="S65" s="16">
        <v>16143</v>
      </c>
      <c r="T65" s="16">
        <v>16</v>
      </c>
      <c r="U65" s="16">
        <v>15694</v>
      </c>
      <c r="V65" s="18">
        <v>16</v>
      </c>
      <c r="W65" s="21">
        <v>10</v>
      </c>
      <c r="X65" s="16" t="s">
        <v>26</v>
      </c>
      <c r="Y65" s="16">
        <v>7254</v>
      </c>
      <c r="Z65" s="16">
        <v>17</v>
      </c>
      <c r="AA65" s="16">
        <v>6474</v>
      </c>
      <c r="AB65" s="16">
        <v>22</v>
      </c>
      <c r="AC65" s="17">
        <v>7364</v>
      </c>
      <c r="AD65" s="17">
        <v>15</v>
      </c>
      <c r="AE65" s="16">
        <v>7168</v>
      </c>
      <c r="AF65" s="16">
        <v>15</v>
      </c>
      <c r="AG65" s="16">
        <v>7254</v>
      </c>
      <c r="AH65" s="18">
        <v>17</v>
      </c>
      <c r="AI65" s="16">
        <v>17935</v>
      </c>
      <c r="AJ65" s="16">
        <v>20</v>
      </c>
      <c r="AK65" s="16">
        <v>22787</v>
      </c>
      <c r="AL65" s="16">
        <v>4</v>
      </c>
      <c r="AM65" s="17">
        <v>16563</v>
      </c>
      <c r="AN65" s="17">
        <v>23</v>
      </c>
      <c r="AO65" s="16">
        <v>18950</v>
      </c>
      <c r="AP65" s="19">
        <v>16</v>
      </c>
      <c r="AQ65" s="16">
        <v>17940</v>
      </c>
      <c r="AR65" s="20">
        <v>20</v>
      </c>
    </row>
    <row r="66" spans="1:44" ht="14.1" customHeight="1" x14ac:dyDescent="0.15">
      <c r="A66" s="21">
        <v>11</v>
      </c>
      <c r="B66" s="15" t="s">
        <v>27</v>
      </c>
      <c r="C66" s="16">
        <v>44699</v>
      </c>
      <c r="D66" s="16">
        <v>2</v>
      </c>
      <c r="E66" s="16">
        <v>35890</v>
      </c>
      <c r="F66" s="16">
        <v>12</v>
      </c>
      <c r="G66" s="17">
        <v>35206</v>
      </c>
      <c r="H66" s="17">
        <v>9</v>
      </c>
      <c r="I66" s="16">
        <v>51258</v>
      </c>
      <c r="J66" s="16">
        <v>4</v>
      </c>
      <c r="K66" s="16">
        <v>44699</v>
      </c>
      <c r="L66" s="18">
        <v>2</v>
      </c>
      <c r="M66" s="16">
        <v>15623</v>
      </c>
      <c r="N66" s="16">
        <v>18</v>
      </c>
      <c r="O66" s="16">
        <v>25405</v>
      </c>
      <c r="P66" s="16">
        <v>3</v>
      </c>
      <c r="Q66" s="17">
        <v>15019</v>
      </c>
      <c r="R66" s="17">
        <v>21</v>
      </c>
      <c r="S66" s="16">
        <v>16017</v>
      </c>
      <c r="T66" s="16">
        <v>19</v>
      </c>
      <c r="U66" s="16">
        <v>15634</v>
      </c>
      <c r="V66" s="18">
        <v>18</v>
      </c>
      <c r="W66" s="21">
        <v>11</v>
      </c>
      <c r="X66" s="16" t="s">
        <v>27</v>
      </c>
      <c r="Y66" s="16">
        <v>7588</v>
      </c>
      <c r="Z66" s="16">
        <v>4</v>
      </c>
      <c r="AA66" s="16">
        <v>6359</v>
      </c>
      <c r="AB66" s="16">
        <v>25</v>
      </c>
      <c r="AC66" s="17">
        <v>7523</v>
      </c>
      <c r="AD66" s="17">
        <v>3</v>
      </c>
      <c r="AE66" s="16">
        <v>7639</v>
      </c>
      <c r="AF66" s="16">
        <v>5</v>
      </c>
      <c r="AG66" s="16">
        <v>7585</v>
      </c>
      <c r="AH66" s="18">
        <v>4</v>
      </c>
      <c r="AI66" s="16">
        <v>18597</v>
      </c>
      <c r="AJ66" s="16">
        <v>12</v>
      </c>
      <c r="AK66" s="16">
        <v>18918</v>
      </c>
      <c r="AL66" s="16">
        <v>9</v>
      </c>
      <c r="AM66" s="17">
        <v>16683</v>
      </c>
      <c r="AN66" s="17">
        <v>19</v>
      </c>
      <c r="AO66" s="16">
        <v>19901</v>
      </c>
      <c r="AP66" s="19">
        <v>8</v>
      </c>
      <c r="AQ66" s="16">
        <v>18598</v>
      </c>
      <c r="AR66" s="20">
        <v>12</v>
      </c>
    </row>
    <row r="67" spans="1:44" ht="14.1" customHeight="1" x14ac:dyDescent="0.15">
      <c r="A67" s="21">
        <v>12</v>
      </c>
      <c r="B67" s="15" t="s">
        <v>28</v>
      </c>
      <c r="C67" s="16">
        <v>37679</v>
      </c>
      <c r="D67" s="16">
        <v>28</v>
      </c>
      <c r="E67" s="16">
        <v>63230</v>
      </c>
      <c r="F67" s="16">
        <v>5</v>
      </c>
      <c r="G67" s="17">
        <v>29696</v>
      </c>
      <c r="H67" s="17">
        <v>27</v>
      </c>
      <c r="I67" s="16">
        <v>43629</v>
      </c>
      <c r="J67" s="16">
        <v>28</v>
      </c>
      <c r="K67" s="16">
        <v>37679</v>
      </c>
      <c r="L67" s="18">
        <v>28</v>
      </c>
      <c r="M67" s="16">
        <v>16340</v>
      </c>
      <c r="N67" s="16">
        <v>12</v>
      </c>
      <c r="O67" s="16">
        <v>16264</v>
      </c>
      <c r="P67" s="16">
        <v>13</v>
      </c>
      <c r="Q67" s="17">
        <v>15544</v>
      </c>
      <c r="R67" s="17">
        <v>13</v>
      </c>
      <c r="S67" s="16">
        <v>16788</v>
      </c>
      <c r="T67" s="16">
        <v>10</v>
      </c>
      <c r="U67" s="16">
        <v>16340</v>
      </c>
      <c r="V67" s="18">
        <v>12</v>
      </c>
      <c r="W67" s="21">
        <v>12</v>
      </c>
      <c r="X67" s="16" t="s">
        <v>28</v>
      </c>
      <c r="Y67" s="16">
        <v>6988</v>
      </c>
      <c r="Z67" s="16">
        <v>28</v>
      </c>
      <c r="AA67" s="16">
        <v>6242</v>
      </c>
      <c r="AB67" s="16">
        <v>28</v>
      </c>
      <c r="AC67" s="17">
        <v>6816</v>
      </c>
      <c r="AD67" s="17">
        <v>32</v>
      </c>
      <c r="AE67" s="16">
        <v>7105</v>
      </c>
      <c r="AF67" s="16">
        <v>22</v>
      </c>
      <c r="AG67" s="16">
        <v>6987</v>
      </c>
      <c r="AH67" s="18">
        <v>28</v>
      </c>
      <c r="AI67" s="16">
        <v>18517</v>
      </c>
      <c r="AJ67" s="16">
        <v>14</v>
      </c>
      <c r="AK67" s="16">
        <v>13133</v>
      </c>
      <c r="AL67" s="16">
        <v>23</v>
      </c>
      <c r="AM67" s="17">
        <v>16710</v>
      </c>
      <c r="AN67" s="17">
        <v>16</v>
      </c>
      <c r="AO67" s="16">
        <v>19638</v>
      </c>
      <c r="AP67" s="19">
        <v>13</v>
      </c>
      <c r="AQ67" s="16">
        <v>18514</v>
      </c>
      <c r="AR67" s="20">
        <v>14</v>
      </c>
    </row>
    <row r="68" spans="1:44" ht="14.1" customHeight="1" x14ac:dyDescent="0.15">
      <c r="A68" s="21">
        <v>13</v>
      </c>
      <c r="B68" s="15" t="s">
        <v>29</v>
      </c>
      <c r="C68" s="16">
        <v>39656</v>
      </c>
      <c r="D68" s="16">
        <v>21</v>
      </c>
      <c r="E68" s="16">
        <v>46448</v>
      </c>
      <c r="F68" s="16">
        <v>9</v>
      </c>
      <c r="G68" s="17">
        <v>32391</v>
      </c>
      <c r="H68" s="17">
        <v>18</v>
      </c>
      <c r="I68" s="16">
        <v>46222</v>
      </c>
      <c r="J68" s="16">
        <v>17</v>
      </c>
      <c r="K68" s="16">
        <v>39661</v>
      </c>
      <c r="L68" s="18">
        <v>21</v>
      </c>
      <c r="M68" s="16">
        <v>15430</v>
      </c>
      <c r="N68" s="16">
        <v>23</v>
      </c>
      <c r="O68" s="16">
        <v>20380</v>
      </c>
      <c r="P68" s="16">
        <v>6</v>
      </c>
      <c r="Q68" s="17">
        <v>14842</v>
      </c>
      <c r="R68" s="17">
        <v>23</v>
      </c>
      <c r="S68" s="16">
        <v>15815</v>
      </c>
      <c r="T68" s="16">
        <v>23</v>
      </c>
      <c r="U68" s="16">
        <v>15435</v>
      </c>
      <c r="V68" s="18">
        <v>23</v>
      </c>
      <c r="W68" s="21">
        <v>13</v>
      </c>
      <c r="X68" s="16" t="s">
        <v>29</v>
      </c>
      <c r="Y68" s="16">
        <v>7098</v>
      </c>
      <c r="Z68" s="16">
        <v>23</v>
      </c>
      <c r="AA68" s="16">
        <v>7743</v>
      </c>
      <c r="AB68" s="16">
        <v>11</v>
      </c>
      <c r="AC68" s="17">
        <v>7178</v>
      </c>
      <c r="AD68" s="17">
        <v>23</v>
      </c>
      <c r="AE68" s="16">
        <v>7038</v>
      </c>
      <c r="AF68" s="16">
        <v>24</v>
      </c>
      <c r="AG68" s="16">
        <v>7099</v>
      </c>
      <c r="AH68" s="18">
        <v>23</v>
      </c>
      <c r="AI68" s="16">
        <v>17961</v>
      </c>
      <c r="AJ68" s="16">
        <v>19</v>
      </c>
      <c r="AK68" s="16">
        <v>21286</v>
      </c>
      <c r="AL68" s="16">
        <v>5</v>
      </c>
      <c r="AM68" s="17">
        <v>16761</v>
      </c>
      <c r="AN68" s="17">
        <v>14</v>
      </c>
      <c r="AO68" s="16">
        <v>18814</v>
      </c>
      <c r="AP68" s="19">
        <v>20</v>
      </c>
      <c r="AQ68" s="16">
        <v>17964</v>
      </c>
      <c r="AR68" s="20">
        <v>19</v>
      </c>
    </row>
    <row r="69" spans="1:44" ht="14.1" customHeight="1" x14ac:dyDescent="0.15">
      <c r="A69" s="21">
        <v>14</v>
      </c>
      <c r="B69" s="15" t="s">
        <v>30</v>
      </c>
      <c r="C69" s="16">
        <v>41935</v>
      </c>
      <c r="D69" s="16">
        <v>11</v>
      </c>
      <c r="E69" s="16">
        <v>35493</v>
      </c>
      <c r="F69" s="16">
        <v>13</v>
      </c>
      <c r="G69" s="17">
        <v>36874</v>
      </c>
      <c r="H69" s="17">
        <v>4</v>
      </c>
      <c r="I69" s="16">
        <v>46611</v>
      </c>
      <c r="J69" s="16">
        <v>16</v>
      </c>
      <c r="K69" s="16">
        <v>41935</v>
      </c>
      <c r="L69" s="18">
        <v>11</v>
      </c>
      <c r="M69" s="16">
        <v>15534</v>
      </c>
      <c r="N69" s="16">
        <v>20</v>
      </c>
      <c r="O69" s="16">
        <v>13392</v>
      </c>
      <c r="P69" s="16">
        <v>21</v>
      </c>
      <c r="Q69" s="17">
        <v>15055</v>
      </c>
      <c r="R69" s="17">
        <v>19</v>
      </c>
      <c r="S69" s="16">
        <v>15892</v>
      </c>
      <c r="T69" s="16">
        <v>21</v>
      </c>
      <c r="U69" s="16">
        <v>15533</v>
      </c>
      <c r="V69" s="18">
        <v>20</v>
      </c>
      <c r="W69" s="21">
        <v>14</v>
      </c>
      <c r="X69" s="16" t="s">
        <v>30</v>
      </c>
      <c r="Y69" s="16">
        <v>7042</v>
      </c>
      <c r="Z69" s="16">
        <v>25</v>
      </c>
      <c r="AA69" s="16">
        <v>7744</v>
      </c>
      <c r="AB69" s="16">
        <v>10</v>
      </c>
      <c r="AC69" s="17">
        <v>7205</v>
      </c>
      <c r="AD69" s="17">
        <v>22</v>
      </c>
      <c r="AE69" s="16">
        <v>6901</v>
      </c>
      <c r="AF69" s="16">
        <v>29</v>
      </c>
      <c r="AG69" s="16">
        <v>7042</v>
      </c>
      <c r="AH69" s="18">
        <v>25</v>
      </c>
      <c r="AI69" s="16">
        <v>17880</v>
      </c>
      <c r="AJ69" s="16">
        <v>24</v>
      </c>
      <c r="AK69" s="16">
        <v>12693</v>
      </c>
      <c r="AL69" s="16">
        <v>24</v>
      </c>
      <c r="AM69" s="17">
        <v>17015</v>
      </c>
      <c r="AN69" s="17">
        <v>13</v>
      </c>
      <c r="AO69" s="16">
        <v>18572</v>
      </c>
      <c r="AP69" s="19">
        <v>28</v>
      </c>
      <c r="AQ69" s="16">
        <v>17879</v>
      </c>
      <c r="AR69" s="20">
        <v>24</v>
      </c>
    </row>
    <row r="70" spans="1:44" ht="14.1" customHeight="1" x14ac:dyDescent="0.15">
      <c r="A70" s="21">
        <v>15</v>
      </c>
      <c r="B70" s="15" t="s">
        <v>31</v>
      </c>
      <c r="C70" s="16">
        <v>38122</v>
      </c>
      <c r="D70" s="16">
        <v>27</v>
      </c>
      <c r="E70" s="16">
        <v>39788</v>
      </c>
      <c r="F70" s="16">
        <v>11</v>
      </c>
      <c r="G70" s="17">
        <v>31092</v>
      </c>
      <c r="H70" s="17">
        <v>23</v>
      </c>
      <c r="I70" s="16">
        <v>43484</v>
      </c>
      <c r="J70" s="16">
        <v>29</v>
      </c>
      <c r="K70" s="16">
        <v>38124</v>
      </c>
      <c r="L70" s="18">
        <v>27</v>
      </c>
      <c r="M70" s="16">
        <v>17368</v>
      </c>
      <c r="N70" s="16">
        <v>2</v>
      </c>
      <c r="O70" s="16">
        <v>43638</v>
      </c>
      <c r="P70" s="16">
        <v>1</v>
      </c>
      <c r="Q70" s="17">
        <v>16650</v>
      </c>
      <c r="R70" s="17">
        <v>4</v>
      </c>
      <c r="S70" s="16">
        <v>17796</v>
      </c>
      <c r="T70" s="16">
        <v>2</v>
      </c>
      <c r="U70" s="16">
        <v>17399</v>
      </c>
      <c r="V70" s="18">
        <v>2</v>
      </c>
      <c r="W70" s="21">
        <v>15</v>
      </c>
      <c r="X70" s="16" t="s">
        <v>31</v>
      </c>
      <c r="Y70" s="16">
        <v>7145</v>
      </c>
      <c r="Z70" s="16">
        <v>22</v>
      </c>
      <c r="AA70" s="16">
        <v>7117</v>
      </c>
      <c r="AB70" s="16">
        <v>16</v>
      </c>
      <c r="AC70" s="17">
        <v>7221</v>
      </c>
      <c r="AD70" s="17">
        <v>21</v>
      </c>
      <c r="AE70" s="16">
        <v>7094</v>
      </c>
      <c r="AF70" s="16">
        <v>23</v>
      </c>
      <c r="AG70" s="16">
        <v>7145</v>
      </c>
      <c r="AH70" s="18">
        <v>22</v>
      </c>
      <c r="AI70" s="16">
        <v>18922</v>
      </c>
      <c r="AJ70" s="16">
        <v>8</v>
      </c>
      <c r="AK70" s="16">
        <v>32573</v>
      </c>
      <c r="AL70" s="16">
        <v>1</v>
      </c>
      <c r="AM70" s="17">
        <v>17453</v>
      </c>
      <c r="AN70" s="17">
        <v>9</v>
      </c>
      <c r="AO70" s="16">
        <v>19867</v>
      </c>
      <c r="AP70" s="19">
        <v>10</v>
      </c>
      <c r="AQ70" s="16">
        <v>18940</v>
      </c>
      <c r="AR70" s="78">
        <v>8</v>
      </c>
    </row>
    <row r="71" spans="1:44" ht="14.1" customHeight="1" x14ac:dyDescent="0.15">
      <c r="A71" s="21">
        <v>16</v>
      </c>
      <c r="B71" s="15" t="s">
        <v>32</v>
      </c>
      <c r="C71" s="16">
        <v>40979</v>
      </c>
      <c r="D71" s="16">
        <v>13</v>
      </c>
      <c r="E71" s="16">
        <v>0</v>
      </c>
      <c r="F71" s="16">
        <v>20</v>
      </c>
      <c r="G71" s="17">
        <v>33315</v>
      </c>
      <c r="H71" s="17">
        <v>16</v>
      </c>
      <c r="I71" s="16">
        <v>48671</v>
      </c>
      <c r="J71" s="16">
        <v>11</v>
      </c>
      <c r="K71" s="16">
        <v>40979</v>
      </c>
      <c r="L71" s="18">
        <v>13</v>
      </c>
      <c r="M71" s="16">
        <v>16624</v>
      </c>
      <c r="N71" s="16">
        <v>9</v>
      </c>
      <c r="O71" s="16">
        <v>18371</v>
      </c>
      <c r="P71" s="16">
        <v>7</v>
      </c>
      <c r="Q71" s="17">
        <v>15618</v>
      </c>
      <c r="R71" s="17">
        <v>12</v>
      </c>
      <c r="S71" s="16">
        <v>17301</v>
      </c>
      <c r="T71" s="16">
        <v>7</v>
      </c>
      <c r="U71" s="16">
        <v>16624</v>
      </c>
      <c r="V71" s="18">
        <v>9</v>
      </c>
      <c r="W71" s="21">
        <v>16</v>
      </c>
      <c r="X71" s="16" t="s">
        <v>32</v>
      </c>
      <c r="Y71" s="16">
        <v>7233</v>
      </c>
      <c r="Z71" s="16">
        <v>19</v>
      </c>
      <c r="AA71" s="16">
        <v>6531</v>
      </c>
      <c r="AB71" s="16">
        <v>20</v>
      </c>
      <c r="AC71" s="17">
        <v>7355</v>
      </c>
      <c r="AD71" s="17">
        <v>17</v>
      </c>
      <c r="AE71" s="16">
        <v>7148</v>
      </c>
      <c r="AF71" s="16">
        <v>18</v>
      </c>
      <c r="AG71" s="16">
        <v>7233</v>
      </c>
      <c r="AH71" s="18">
        <v>19</v>
      </c>
      <c r="AI71" s="16">
        <v>18812</v>
      </c>
      <c r="AJ71" s="16">
        <v>9</v>
      </c>
      <c r="AK71" s="16">
        <v>14280</v>
      </c>
      <c r="AL71" s="16">
        <v>15</v>
      </c>
      <c r="AM71" s="17">
        <v>17480</v>
      </c>
      <c r="AN71" s="17">
        <v>7</v>
      </c>
      <c r="AO71" s="16">
        <v>19788</v>
      </c>
      <c r="AP71" s="19">
        <v>11</v>
      </c>
      <c r="AQ71" s="16">
        <v>18811</v>
      </c>
      <c r="AR71" s="78">
        <v>9</v>
      </c>
    </row>
    <row r="72" spans="1:44" ht="14.1" customHeight="1" x14ac:dyDescent="0.15">
      <c r="A72" s="21">
        <v>17</v>
      </c>
      <c r="B72" s="15" t="s">
        <v>33</v>
      </c>
      <c r="C72" s="16">
        <v>39690</v>
      </c>
      <c r="D72" s="16">
        <v>20</v>
      </c>
      <c r="E72" s="16">
        <v>0</v>
      </c>
      <c r="F72" s="16">
        <v>20</v>
      </c>
      <c r="G72" s="17">
        <v>34009</v>
      </c>
      <c r="H72" s="17">
        <v>13</v>
      </c>
      <c r="I72" s="16">
        <v>44547</v>
      </c>
      <c r="J72" s="16">
        <v>26</v>
      </c>
      <c r="K72" s="16">
        <v>39690</v>
      </c>
      <c r="L72" s="18">
        <v>20</v>
      </c>
      <c r="M72" s="16">
        <v>15312</v>
      </c>
      <c r="N72" s="16">
        <v>24</v>
      </c>
      <c r="O72" s="16">
        <v>16873</v>
      </c>
      <c r="P72" s="16">
        <v>9</v>
      </c>
      <c r="Q72" s="17">
        <v>14826</v>
      </c>
      <c r="R72" s="17">
        <v>24</v>
      </c>
      <c r="S72" s="16">
        <v>15637</v>
      </c>
      <c r="T72" s="16">
        <v>26</v>
      </c>
      <c r="U72" s="16">
        <v>15313</v>
      </c>
      <c r="V72" s="18">
        <v>24</v>
      </c>
      <c r="W72" s="21">
        <v>17</v>
      </c>
      <c r="X72" s="16" t="s">
        <v>33</v>
      </c>
      <c r="Y72" s="16">
        <v>7231</v>
      </c>
      <c r="Z72" s="16">
        <v>20</v>
      </c>
      <c r="AA72" s="16">
        <v>6924</v>
      </c>
      <c r="AB72" s="16">
        <v>18</v>
      </c>
      <c r="AC72" s="17">
        <v>7316</v>
      </c>
      <c r="AD72" s="17">
        <v>18</v>
      </c>
      <c r="AE72" s="16">
        <v>7162</v>
      </c>
      <c r="AF72" s="16">
        <v>16</v>
      </c>
      <c r="AG72" s="16">
        <v>7230</v>
      </c>
      <c r="AH72" s="18">
        <v>20</v>
      </c>
      <c r="AI72" s="16">
        <v>17674</v>
      </c>
      <c r="AJ72" s="16">
        <v>28</v>
      </c>
      <c r="AK72" s="16">
        <v>13703</v>
      </c>
      <c r="AL72" s="16">
        <v>17</v>
      </c>
      <c r="AM72" s="17">
        <v>16640</v>
      </c>
      <c r="AN72" s="17">
        <v>21</v>
      </c>
      <c r="AO72" s="16">
        <v>18427</v>
      </c>
      <c r="AP72" s="19">
        <v>30</v>
      </c>
      <c r="AQ72" s="16">
        <v>17672</v>
      </c>
      <c r="AR72" s="78">
        <v>28</v>
      </c>
    </row>
    <row r="73" spans="1:44" ht="14.1" customHeight="1" x14ac:dyDescent="0.15">
      <c r="A73" s="21">
        <v>18</v>
      </c>
      <c r="B73" s="15" t="s">
        <v>34</v>
      </c>
      <c r="C73" s="16">
        <v>35889</v>
      </c>
      <c r="D73" s="16">
        <v>31</v>
      </c>
      <c r="E73" s="16">
        <v>160333</v>
      </c>
      <c r="F73" s="16">
        <v>1</v>
      </c>
      <c r="G73" s="17">
        <v>27077</v>
      </c>
      <c r="H73" s="17">
        <v>31</v>
      </c>
      <c r="I73" s="16">
        <v>44626</v>
      </c>
      <c r="J73" s="16">
        <v>25</v>
      </c>
      <c r="K73" s="16">
        <v>35984</v>
      </c>
      <c r="L73" s="18">
        <v>31</v>
      </c>
      <c r="M73" s="16">
        <v>15523</v>
      </c>
      <c r="N73" s="16">
        <v>21</v>
      </c>
      <c r="O73" s="16">
        <v>15084</v>
      </c>
      <c r="P73" s="16">
        <v>16</v>
      </c>
      <c r="Q73" s="17">
        <v>15324</v>
      </c>
      <c r="R73" s="17">
        <v>15</v>
      </c>
      <c r="S73" s="16">
        <v>15632</v>
      </c>
      <c r="T73" s="16">
        <v>27</v>
      </c>
      <c r="U73" s="16">
        <v>15522</v>
      </c>
      <c r="V73" s="18">
        <v>21</v>
      </c>
      <c r="W73" s="21">
        <v>18</v>
      </c>
      <c r="X73" s="16" t="s">
        <v>34</v>
      </c>
      <c r="Y73" s="16">
        <v>6844</v>
      </c>
      <c r="Z73" s="16">
        <v>32</v>
      </c>
      <c r="AA73" s="16">
        <v>8432</v>
      </c>
      <c r="AB73" s="16">
        <v>6</v>
      </c>
      <c r="AC73" s="17">
        <v>6757</v>
      </c>
      <c r="AD73" s="17">
        <v>33</v>
      </c>
      <c r="AE73" s="16">
        <v>6902</v>
      </c>
      <c r="AF73" s="16">
        <v>28</v>
      </c>
      <c r="AG73" s="16">
        <v>6847</v>
      </c>
      <c r="AH73" s="18">
        <v>32</v>
      </c>
      <c r="AI73" s="16">
        <v>17795</v>
      </c>
      <c r="AJ73" s="16">
        <v>25</v>
      </c>
      <c r="AK73" s="16">
        <v>26287</v>
      </c>
      <c r="AL73" s="16">
        <v>2</v>
      </c>
      <c r="AM73" s="17">
        <v>16550</v>
      </c>
      <c r="AN73" s="17">
        <v>24</v>
      </c>
      <c r="AO73" s="16">
        <v>18594</v>
      </c>
      <c r="AP73" s="19">
        <v>26</v>
      </c>
      <c r="AQ73" s="16">
        <v>17810</v>
      </c>
      <c r="AR73" s="78">
        <v>25</v>
      </c>
    </row>
    <row r="74" spans="1:44" ht="14.1" customHeight="1" x14ac:dyDescent="0.15">
      <c r="A74" s="21">
        <v>19</v>
      </c>
      <c r="B74" s="15" t="s">
        <v>35</v>
      </c>
      <c r="C74" s="16">
        <v>44175</v>
      </c>
      <c r="D74" s="16">
        <v>5</v>
      </c>
      <c r="E74" s="16">
        <v>2570</v>
      </c>
      <c r="F74" s="16">
        <v>19</v>
      </c>
      <c r="G74" s="17">
        <v>34991</v>
      </c>
      <c r="H74" s="17">
        <v>10</v>
      </c>
      <c r="I74" s="16">
        <v>50484</v>
      </c>
      <c r="J74" s="16">
        <v>6</v>
      </c>
      <c r="K74" s="16">
        <v>44198</v>
      </c>
      <c r="L74" s="18">
        <v>4</v>
      </c>
      <c r="M74" s="16">
        <v>14913</v>
      </c>
      <c r="N74" s="16">
        <v>30</v>
      </c>
      <c r="O74" s="16">
        <v>8439</v>
      </c>
      <c r="P74" s="16">
        <v>31</v>
      </c>
      <c r="Q74" s="17">
        <v>13541</v>
      </c>
      <c r="R74" s="17">
        <v>32</v>
      </c>
      <c r="S74" s="16">
        <v>15831</v>
      </c>
      <c r="T74" s="16">
        <v>22</v>
      </c>
      <c r="U74" s="16">
        <v>14908</v>
      </c>
      <c r="V74" s="18">
        <v>30</v>
      </c>
      <c r="W74" s="21">
        <v>19</v>
      </c>
      <c r="X74" s="16" t="s">
        <v>35</v>
      </c>
      <c r="Y74" s="16">
        <v>7330</v>
      </c>
      <c r="Z74" s="16">
        <v>12</v>
      </c>
      <c r="AA74" s="16">
        <v>7281</v>
      </c>
      <c r="AB74" s="16">
        <v>13</v>
      </c>
      <c r="AC74" s="17">
        <v>7370</v>
      </c>
      <c r="AD74" s="17">
        <v>14</v>
      </c>
      <c r="AE74" s="16">
        <v>7295</v>
      </c>
      <c r="AF74" s="16">
        <v>11</v>
      </c>
      <c r="AG74" s="16">
        <v>7330</v>
      </c>
      <c r="AH74" s="18">
        <v>12</v>
      </c>
      <c r="AI74" s="16">
        <v>17170</v>
      </c>
      <c r="AJ74" s="16">
        <v>32</v>
      </c>
      <c r="AK74" s="16">
        <v>8884</v>
      </c>
      <c r="AL74" s="16">
        <v>30</v>
      </c>
      <c r="AM74" s="17">
        <v>14874</v>
      </c>
      <c r="AN74" s="17">
        <v>33</v>
      </c>
      <c r="AO74" s="16">
        <v>18793</v>
      </c>
      <c r="AP74" s="19">
        <v>21</v>
      </c>
      <c r="AQ74" s="16">
        <v>17165</v>
      </c>
      <c r="AR74" s="78">
        <v>32</v>
      </c>
    </row>
    <row r="75" spans="1:44" ht="14.1" customHeight="1" x14ac:dyDescent="0.15">
      <c r="A75" s="21">
        <v>20</v>
      </c>
      <c r="B75" s="15" t="s">
        <v>36</v>
      </c>
      <c r="C75" s="16">
        <v>39697</v>
      </c>
      <c r="D75" s="16">
        <v>19</v>
      </c>
      <c r="E75" s="16">
        <v>0</v>
      </c>
      <c r="F75" s="16">
        <v>20</v>
      </c>
      <c r="G75" s="17">
        <v>30290</v>
      </c>
      <c r="H75" s="17">
        <v>24</v>
      </c>
      <c r="I75" s="16">
        <v>46995</v>
      </c>
      <c r="J75" s="16">
        <v>13</v>
      </c>
      <c r="K75" s="16">
        <v>39697</v>
      </c>
      <c r="L75" s="18">
        <v>19</v>
      </c>
      <c r="M75" s="16">
        <v>16432</v>
      </c>
      <c r="N75" s="16">
        <v>11</v>
      </c>
      <c r="O75" s="16">
        <v>16859</v>
      </c>
      <c r="P75" s="16">
        <v>10</v>
      </c>
      <c r="Q75" s="17">
        <v>16353</v>
      </c>
      <c r="R75" s="17">
        <v>7</v>
      </c>
      <c r="S75" s="16">
        <v>16480</v>
      </c>
      <c r="T75" s="16">
        <v>13</v>
      </c>
      <c r="U75" s="16">
        <v>16432</v>
      </c>
      <c r="V75" s="18">
        <v>11</v>
      </c>
      <c r="W75" s="21">
        <v>20</v>
      </c>
      <c r="X75" s="16" t="s">
        <v>36</v>
      </c>
      <c r="Y75" s="16">
        <v>7083</v>
      </c>
      <c r="Z75" s="16">
        <v>24</v>
      </c>
      <c r="AA75" s="16">
        <v>5461</v>
      </c>
      <c r="AB75" s="16">
        <v>31</v>
      </c>
      <c r="AC75" s="17">
        <v>7165</v>
      </c>
      <c r="AD75" s="17">
        <v>24</v>
      </c>
      <c r="AE75" s="16">
        <v>7026</v>
      </c>
      <c r="AF75" s="16">
        <v>25</v>
      </c>
      <c r="AG75" s="16">
        <v>7080</v>
      </c>
      <c r="AH75" s="18">
        <v>24</v>
      </c>
      <c r="AI75" s="16">
        <v>18582</v>
      </c>
      <c r="AJ75" s="16">
        <v>13</v>
      </c>
      <c r="AK75" s="16">
        <v>12666</v>
      </c>
      <c r="AL75" s="16">
        <v>26</v>
      </c>
      <c r="AM75" s="17">
        <v>17100</v>
      </c>
      <c r="AN75" s="17">
        <v>12</v>
      </c>
      <c r="AO75" s="16">
        <v>19559</v>
      </c>
      <c r="AP75" s="19">
        <v>14</v>
      </c>
      <c r="AQ75" s="16">
        <v>18576</v>
      </c>
      <c r="AR75" s="78">
        <v>13</v>
      </c>
    </row>
    <row r="76" spans="1:44" ht="14.1" customHeight="1" x14ac:dyDescent="0.15">
      <c r="A76" s="21">
        <v>21</v>
      </c>
      <c r="B76" s="15" t="s">
        <v>37</v>
      </c>
      <c r="C76" s="16">
        <v>39808</v>
      </c>
      <c r="D76" s="16">
        <v>18</v>
      </c>
      <c r="E76" s="16">
        <v>29353</v>
      </c>
      <c r="F76" s="16">
        <v>16</v>
      </c>
      <c r="G76" s="17">
        <v>31819</v>
      </c>
      <c r="H76" s="17">
        <v>20</v>
      </c>
      <c r="I76" s="16">
        <v>46913</v>
      </c>
      <c r="J76" s="16">
        <v>15</v>
      </c>
      <c r="K76" s="16">
        <v>39807</v>
      </c>
      <c r="L76" s="18">
        <v>18</v>
      </c>
      <c r="M76" s="16">
        <v>16992</v>
      </c>
      <c r="N76" s="16">
        <v>4</v>
      </c>
      <c r="O76" s="16">
        <v>16102</v>
      </c>
      <c r="P76" s="16">
        <v>14</v>
      </c>
      <c r="Q76" s="17">
        <v>16365</v>
      </c>
      <c r="R76" s="17">
        <v>6</v>
      </c>
      <c r="S76" s="16">
        <v>17408</v>
      </c>
      <c r="T76" s="16">
        <v>6</v>
      </c>
      <c r="U76" s="16">
        <v>16991</v>
      </c>
      <c r="V76" s="18">
        <v>4</v>
      </c>
      <c r="W76" s="21">
        <v>21</v>
      </c>
      <c r="X76" s="16" t="s">
        <v>37</v>
      </c>
      <c r="Y76" s="16">
        <v>7419</v>
      </c>
      <c r="Z76" s="16">
        <v>8</v>
      </c>
      <c r="AA76" s="16">
        <v>5750</v>
      </c>
      <c r="AB76" s="16">
        <v>30</v>
      </c>
      <c r="AC76" s="17">
        <v>7458</v>
      </c>
      <c r="AD76" s="17">
        <v>7</v>
      </c>
      <c r="AE76" s="16">
        <v>7389</v>
      </c>
      <c r="AF76" s="16">
        <v>9</v>
      </c>
      <c r="AG76" s="16">
        <v>7417</v>
      </c>
      <c r="AH76" s="18">
        <v>9</v>
      </c>
      <c r="AI76" s="16">
        <v>19018</v>
      </c>
      <c r="AJ76" s="16">
        <v>6</v>
      </c>
      <c r="AK76" s="16">
        <v>13652</v>
      </c>
      <c r="AL76" s="16">
        <v>18</v>
      </c>
      <c r="AM76" s="17">
        <v>17472</v>
      </c>
      <c r="AN76" s="17">
        <v>8</v>
      </c>
      <c r="AO76" s="16">
        <v>20145</v>
      </c>
      <c r="AP76" s="19">
        <v>5</v>
      </c>
      <c r="AQ76" s="16">
        <v>19013</v>
      </c>
      <c r="AR76" s="78">
        <v>6</v>
      </c>
    </row>
    <row r="77" spans="1:44" ht="14.1" customHeight="1" x14ac:dyDescent="0.15">
      <c r="A77" s="21">
        <v>22</v>
      </c>
      <c r="B77" s="15" t="s">
        <v>38</v>
      </c>
      <c r="C77" s="16">
        <v>36355</v>
      </c>
      <c r="D77" s="16">
        <v>29</v>
      </c>
      <c r="E77" s="16">
        <v>0</v>
      </c>
      <c r="F77" s="16">
        <v>20</v>
      </c>
      <c r="G77" s="17">
        <v>26966</v>
      </c>
      <c r="H77" s="17">
        <v>33</v>
      </c>
      <c r="I77" s="16">
        <v>46956</v>
      </c>
      <c r="J77" s="16">
        <v>14</v>
      </c>
      <c r="K77" s="16">
        <v>36355</v>
      </c>
      <c r="L77" s="18">
        <v>29</v>
      </c>
      <c r="M77" s="16">
        <v>16767</v>
      </c>
      <c r="N77" s="16">
        <v>7</v>
      </c>
      <c r="O77" s="16">
        <v>12818</v>
      </c>
      <c r="P77" s="16">
        <v>26</v>
      </c>
      <c r="Q77" s="17">
        <v>14799</v>
      </c>
      <c r="R77" s="17">
        <v>25</v>
      </c>
      <c r="S77" s="16">
        <v>17765</v>
      </c>
      <c r="T77" s="16">
        <v>3</v>
      </c>
      <c r="U77" s="16">
        <v>16766</v>
      </c>
      <c r="V77" s="18">
        <v>7</v>
      </c>
      <c r="W77" s="21">
        <v>22</v>
      </c>
      <c r="X77" s="16" t="s">
        <v>38</v>
      </c>
      <c r="Y77" s="16">
        <v>7312</v>
      </c>
      <c r="Z77" s="16">
        <v>13</v>
      </c>
      <c r="AA77" s="16">
        <v>7389</v>
      </c>
      <c r="AB77" s="16">
        <v>12</v>
      </c>
      <c r="AC77" s="17">
        <v>7408</v>
      </c>
      <c r="AD77" s="17">
        <v>11</v>
      </c>
      <c r="AE77" s="16">
        <v>7255</v>
      </c>
      <c r="AF77" s="16">
        <v>12</v>
      </c>
      <c r="AG77" s="16">
        <v>7312</v>
      </c>
      <c r="AH77" s="18">
        <v>13</v>
      </c>
      <c r="AI77" s="16">
        <v>18727</v>
      </c>
      <c r="AJ77" s="16">
        <v>11</v>
      </c>
      <c r="AK77" s="16">
        <v>11708</v>
      </c>
      <c r="AL77" s="16">
        <v>27</v>
      </c>
      <c r="AM77" s="17">
        <v>16699</v>
      </c>
      <c r="AN77" s="17">
        <v>18</v>
      </c>
      <c r="AO77" s="16">
        <v>19967</v>
      </c>
      <c r="AP77" s="19">
        <v>6</v>
      </c>
      <c r="AQ77" s="16">
        <v>18725</v>
      </c>
      <c r="AR77" s="78">
        <v>11</v>
      </c>
    </row>
    <row r="78" spans="1:44" ht="14.1" customHeight="1" x14ac:dyDescent="0.15">
      <c r="A78" s="21">
        <v>23</v>
      </c>
      <c r="B78" s="15" t="s">
        <v>39</v>
      </c>
      <c r="C78" s="16">
        <v>38544</v>
      </c>
      <c r="D78" s="16">
        <v>26</v>
      </c>
      <c r="E78" s="16">
        <v>0</v>
      </c>
      <c r="F78" s="16">
        <v>20</v>
      </c>
      <c r="G78" s="17">
        <v>30010</v>
      </c>
      <c r="H78" s="17">
        <v>26</v>
      </c>
      <c r="I78" s="16">
        <v>44985</v>
      </c>
      <c r="J78" s="16">
        <v>23</v>
      </c>
      <c r="K78" s="16">
        <v>38544</v>
      </c>
      <c r="L78" s="18">
        <v>26</v>
      </c>
      <c r="M78" s="16">
        <v>16294</v>
      </c>
      <c r="N78" s="16">
        <v>13</v>
      </c>
      <c r="O78" s="16">
        <v>16288</v>
      </c>
      <c r="P78" s="16">
        <v>11</v>
      </c>
      <c r="Q78" s="17">
        <v>15235</v>
      </c>
      <c r="R78" s="17">
        <v>16</v>
      </c>
      <c r="S78" s="16">
        <v>16891</v>
      </c>
      <c r="T78" s="16">
        <v>9</v>
      </c>
      <c r="U78" s="16">
        <v>16294</v>
      </c>
      <c r="V78" s="18">
        <v>13</v>
      </c>
      <c r="W78" s="21">
        <v>23</v>
      </c>
      <c r="X78" s="16" t="s">
        <v>39</v>
      </c>
      <c r="Y78" s="16">
        <v>7009</v>
      </c>
      <c r="Z78" s="16">
        <v>26</v>
      </c>
      <c r="AA78" s="16">
        <v>6210</v>
      </c>
      <c r="AB78" s="16">
        <v>29</v>
      </c>
      <c r="AC78" s="17">
        <v>7004</v>
      </c>
      <c r="AD78" s="17">
        <v>30</v>
      </c>
      <c r="AE78" s="16">
        <v>7012</v>
      </c>
      <c r="AF78" s="16">
        <v>26</v>
      </c>
      <c r="AG78" s="16">
        <v>7007</v>
      </c>
      <c r="AH78" s="18">
        <v>26</v>
      </c>
      <c r="AI78" s="16">
        <v>18505</v>
      </c>
      <c r="AJ78" s="16">
        <v>15</v>
      </c>
      <c r="AK78" s="16">
        <v>13417</v>
      </c>
      <c r="AL78" s="16">
        <v>21</v>
      </c>
      <c r="AM78" s="17">
        <v>16641</v>
      </c>
      <c r="AN78" s="17">
        <v>20</v>
      </c>
      <c r="AO78" s="16">
        <v>19644</v>
      </c>
      <c r="AP78" s="19">
        <v>12</v>
      </c>
      <c r="AQ78" s="16">
        <v>18498</v>
      </c>
      <c r="AR78" s="78">
        <v>15</v>
      </c>
    </row>
    <row r="79" spans="1:44" ht="14.1" customHeight="1" x14ac:dyDescent="0.15">
      <c r="A79" s="21">
        <v>24</v>
      </c>
      <c r="B79" s="15" t="s">
        <v>40</v>
      </c>
      <c r="C79" s="16">
        <v>42568</v>
      </c>
      <c r="D79" s="16">
        <v>8</v>
      </c>
      <c r="E79" s="16">
        <v>0</v>
      </c>
      <c r="F79" s="16">
        <v>20</v>
      </c>
      <c r="G79" s="17">
        <v>28863</v>
      </c>
      <c r="H79" s="17">
        <v>29</v>
      </c>
      <c r="I79" s="16">
        <v>54990</v>
      </c>
      <c r="J79" s="16">
        <v>1</v>
      </c>
      <c r="K79" s="16">
        <v>42568</v>
      </c>
      <c r="L79" s="18">
        <v>8</v>
      </c>
      <c r="M79" s="16">
        <v>16956</v>
      </c>
      <c r="N79" s="16">
        <v>5</v>
      </c>
      <c r="O79" s="16">
        <v>15838</v>
      </c>
      <c r="P79" s="16">
        <v>15</v>
      </c>
      <c r="Q79" s="17">
        <v>17302</v>
      </c>
      <c r="R79" s="17">
        <v>2</v>
      </c>
      <c r="S79" s="16">
        <v>16784</v>
      </c>
      <c r="T79" s="16">
        <v>11</v>
      </c>
      <c r="U79" s="16">
        <v>16955</v>
      </c>
      <c r="V79" s="18">
        <v>5</v>
      </c>
      <c r="W79" s="21">
        <v>24</v>
      </c>
      <c r="X79" s="16" t="s">
        <v>40</v>
      </c>
      <c r="Y79" s="16">
        <v>6677</v>
      </c>
      <c r="Z79" s="16">
        <v>33</v>
      </c>
      <c r="AA79" s="16">
        <v>8244</v>
      </c>
      <c r="AB79" s="16">
        <v>7</v>
      </c>
      <c r="AC79" s="17">
        <v>6853</v>
      </c>
      <c r="AD79" s="17">
        <v>31</v>
      </c>
      <c r="AE79" s="16">
        <v>6582</v>
      </c>
      <c r="AF79" s="16">
        <v>33</v>
      </c>
      <c r="AG79" s="16">
        <v>6679</v>
      </c>
      <c r="AH79" s="18">
        <v>33</v>
      </c>
      <c r="AI79" s="16">
        <v>19126</v>
      </c>
      <c r="AJ79" s="16">
        <v>4</v>
      </c>
      <c r="AK79" s="16">
        <v>14005</v>
      </c>
      <c r="AL79" s="16">
        <v>16</v>
      </c>
      <c r="AM79" s="17">
        <v>17761</v>
      </c>
      <c r="AN79" s="17">
        <v>4</v>
      </c>
      <c r="AO79" s="16">
        <v>19899</v>
      </c>
      <c r="AP79" s="19">
        <v>9</v>
      </c>
      <c r="AQ79" s="16">
        <v>19120</v>
      </c>
      <c r="AR79" s="78">
        <v>4</v>
      </c>
    </row>
    <row r="80" spans="1:44" ht="14.1" customHeight="1" x14ac:dyDescent="0.15">
      <c r="A80" s="21">
        <v>25</v>
      </c>
      <c r="B80" s="15" t="s">
        <v>41</v>
      </c>
      <c r="C80" s="16">
        <v>43857</v>
      </c>
      <c r="D80" s="16">
        <v>6</v>
      </c>
      <c r="E80" s="16">
        <v>0</v>
      </c>
      <c r="F80" s="16">
        <v>20</v>
      </c>
      <c r="G80" s="17">
        <v>35640</v>
      </c>
      <c r="H80" s="17">
        <v>6</v>
      </c>
      <c r="I80" s="16">
        <v>49084</v>
      </c>
      <c r="J80" s="16">
        <v>10</v>
      </c>
      <c r="K80" s="16">
        <v>43858</v>
      </c>
      <c r="L80" s="18">
        <v>6</v>
      </c>
      <c r="M80" s="16">
        <v>14063</v>
      </c>
      <c r="N80" s="16">
        <v>33</v>
      </c>
      <c r="O80" s="16">
        <v>13176</v>
      </c>
      <c r="P80" s="16">
        <v>24</v>
      </c>
      <c r="Q80" s="17">
        <v>13878</v>
      </c>
      <c r="R80" s="17">
        <v>31</v>
      </c>
      <c r="S80" s="16">
        <v>14167</v>
      </c>
      <c r="T80" s="16">
        <v>33</v>
      </c>
      <c r="U80" s="16">
        <v>14062</v>
      </c>
      <c r="V80" s="18">
        <v>33</v>
      </c>
      <c r="W80" s="21">
        <v>25</v>
      </c>
      <c r="X80" s="16" t="s">
        <v>41</v>
      </c>
      <c r="Y80" s="16">
        <v>7433</v>
      </c>
      <c r="Z80" s="16">
        <v>6</v>
      </c>
      <c r="AA80" s="16">
        <v>13004</v>
      </c>
      <c r="AB80" s="16">
        <v>1</v>
      </c>
      <c r="AC80" s="17">
        <v>7437</v>
      </c>
      <c r="AD80" s="17">
        <v>8</v>
      </c>
      <c r="AE80" s="16">
        <v>7431</v>
      </c>
      <c r="AF80" s="16">
        <v>8</v>
      </c>
      <c r="AG80" s="16">
        <v>7445</v>
      </c>
      <c r="AH80" s="18">
        <v>6</v>
      </c>
      <c r="AI80" s="16">
        <v>17339</v>
      </c>
      <c r="AJ80" s="16">
        <v>30</v>
      </c>
      <c r="AK80" s="16">
        <v>13239</v>
      </c>
      <c r="AL80" s="16">
        <v>22</v>
      </c>
      <c r="AM80" s="17">
        <v>15982</v>
      </c>
      <c r="AN80" s="17">
        <v>30</v>
      </c>
      <c r="AO80" s="16">
        <v>18163</v>
      </c>
      <c r="AP80" s="19">
        <v>32</v>
      </c>
      <c r="AQ80" s="16">
        <v>17334</v>
      </c>
      <c r="AR80" s="78">
        <v>30</v>
      </c>
    </row>
    <row r="81" spans="1:44" ht="14.1" customHeight="1" x14ac:dyDescent="0.15">
      <c r="A81" s="21">
        <v>26</v>
      </c>
      <c r="B81" s="15" t="s">
        <v>42</v>
      </c>
      <c r="C81" s="16">
        <v>39178</v>
      </c>
      <c r="D81" s="16">
        <v>23</v>
      </c>
      <c r="E81" s="16">
        <v>0</v>
      </c>
      <c r="F81" s="16">
        <v>20</v>
      </c>
      <c r="G81" s="17">
        <v>29217</v>
      </c>
      <c r="H81" s="17">
        <v>28</v>
      </c>
      <c r="I81" s="16">
        <v>45643</v>
      </c>
      <c r="J81" s="16">
        <v>20</v>
      </c>
      <c r="K81" s="16">
        <v>39178</v>
      </c>
      <c r="L81" s="18">
        <v>23</v>
      </c>
      <c r="M81" s="16">
        <v>16455</v>
      </c>
      <c r="N81" s="16">
        <v>10</v>
      </c>
      <c r="O81" s="16">
        <v>10552</v>
      </c>
      <c r="P81" s="16">
        <v>29</v>
      </c>
      <c r="Q81" s="17">
        <v>15348</v>
      </c>
      <c r="R81" s="17">
        <v>14</v>
      </c>
      <c r="S81" s="16">
        <v>17081</v>
      </c>
      <c r="T81" s="16">
        <v>8</v>
      </c>
      <c r="U81" s="16">
        <v>16440</v>
      </c>
      <c r="V81" s="18">
        <v>10</v>
      </c>
      <c r="W81" s="21">
        <v>26</v>
      </c>
      <c r="X81" s="16" t="s">
        <v>42</v>
      </c>
      <c r="Y81" s="16">
        <v>7416</v>
      </c>
      <c r="Z81" s="16">
        <v>9</v>
      </c>
      <c r="AA81" s="16">
        <v>9159</v>
      </c>
      <c r="AB81" s="16">
        <v>5</v>
      </c>
      <c r="AC81" s="17">
        <v>7022</v>
      </c>
      <c r="AD81" s="17">
        <v>29</v>
      </c>
      <c r="AE81" s="16">
        <v>7690</v>
      </c>
      <c r="AF81" s="16">
        <v>2</v>
      </c>
      <c r="AG81" s="16">
        <v>7423</v>
      </c>
      <c r="AH81" s="18">
        <v>8</v>
      </c>
      <c r="AI81" s="16">
        <v>19091</v>
      </c>
      <c r="AJ81" s="16">
        <v>5</v>
      </c>
      <c r="AK81" s="16">
        <v>10122</v>
      </c>
      <c r="AL81" s="16">
        <v>29</v>
      </c>
      <c r="AM81" s="17">
        <v>16379</v>
      </c>
      <c r="AN81" s="17">
        <v>26</v>
      </c>
      <c r="AO81" s="16">
        <v>20731</v>
      </c>
      <c r="AP81" s="19">
        <v>3</v>
      </c>
      <c r="AQ81" s="16">
        <v>19071</v>
      </c>
      <c r="AR81" s="78">
        <v>5</v>
      </c>
    </row>
    <row r="82" spans="1:44" ht="14.1" customHeight="1" x14ac:dyDescent="0.15">
      <c r="A82" s="21">
        <v>27</v>
      </c>
      <c r="B82" s="15" t="s">
        <v>43</v>
      </c>
      <c r="C82" s="16">
        <v>32682</v>
      </c>
      <c r="D82" s="16">
        <v>33</v>
      </c>
      <c r="E82" s="16">
        <v>0</v>
      </c>
      <c r="F82" s="16">
        <v>20</v>
      </c>
      <c r="G82" s="17">
        <v>27056</v>
      </c>
      <c r="H82" s="17">
        <v>32</v>
      </c>
      <c r="I82" s="16">
        <v>35586</v>
      </c>
      <c r="J82" s="16">
        <v>33</v>
      </c>
      <c r="K82" s="16">
        <v>32682</v>
      </c>
      <c r="L82" s="18">
        <v>33</v>
      </c>
      <c r="M82" s="16">
        <v>16121</v>
      </c>
      <c r="N82" s="16">
        <v>14</v>
      </c>
      <c r="O82" s="16">
        <v>8447</v>
      </c>
      <c r="P82" s="16">
        <v>30</v>
      </c>
      <c r="Q82" s="17">
        <v>15969</v>
      </c>
      <c r="R82" s="17">
        <v>9</v>
      </c>
      <c r="S82" s="16">
        <v>16191</v>
      </c>
      <c r="T82" s="16">
        <v>15</v>
      </c>
      <c r="U82" s="16">
        <v>16119</v>
      </c>
      <c r="V82" s="18">
        <v>14</v>
      </c>
      <c r="W82" s="21">
        <v>27</v>
      </c>
      <c r="X82" s="16" t="s">
        <v>43</v>
      </c>
      <c r="Y82" s="16">
        <v>6945</v>
      </c>
      <c r="Z82" s="16">
        <v>29</v>
      </c>
      <c r="AA82" s="16">
        <v>11620</v>
      </c>
      <c r="AB82" s="16">
        <v>2</v>
      </c>
      <c r="AC82" s="17">
        <v>7119</v>
      </c>
      <c r="AD82" s="17">
        <v>26</v>
      </c>
      <c r="AE82" s="16">
        <v>6860</v>
      </c>
      <c r="AF82" s="16">
        <v>30</v>
      </c>
      <c r="AG82" s="16">
        <v>6945</v>
      </c>
      <c r="AH82" s="18">
        <v>29</v>
      </c>
      <c r="AI82" s="16">
        <v>18356</v>
      </c>
      <c r="AJ82" s="16">
        <v>16</v>
      </c>
      <c r="AK82" s="16">
        <v>8764</v>
      </c>
      <c r="AL82" s="16">
        <v>31</v>
      </c>
      <c r="AM82" s="17">
        <v>17174</v>
      </c>
      <c r="AN82" s="17">
        <v>11</v>
      </c>
      <c r="AO82" s="16">
        <v>18915</v>
      </c>
      <c r="AP82" s="19">
        <v>18</v>
      </c>
      <c r="AQ82" s="16">
        <v>18354</v>
      </c>
      <c r="AR82" s="20">
        <v>16</v>
      </c>
    </row>
    <row r="83" spans="1:44" ht="14.1" customHeight="1" x14ac:dyDescent="0.15">
      <c r="A83" s="21">
        <v>28</v>
      </c>
      <c r="B83" s="15" t="s">
        <v>44</v>
      </c>
      <c r="C83" s="16">
        <v>40775</v>
      </c>
      <c r="D83" s="16">
        <v>15</v>
      </c>
      <c r="E83" s="16">
        <v>26226</v>
      </c>
      <c r="F83" s="16">
        <v>17</v>
      </c>
      <c r="G83" s="17">
        <v>38385</v>
      </c>
      <c r="H83" s="17">
        <v>1</v>
      </c>
      <c r="I83" s="16">
        <v>42899</v>
      </c>
      <c r="J83" s="16">
        <v>30</v>
      </c>
      <c r="K83" s="16">
        <v>40443</v>
      </c>
      <c r="L83" s="18">
        <v>15</v>
      </c>
      <c r="M83" s="16">
        <v>16682</v>
      </c>
      <c r="N83" s="16">
        <v>8</v>
      </c>
      <c r="O83" s="16">
        <v>22092</v>
      </c>
      <c r="P83" s="16">
        <v>5</v>
      </c>
      <c r="Q83" s="17">
        <v>16837</v>
      </c>
      <c r="R83" s="17">
        <v>3</v>
      </c>
      <c r="S83" s="16">
        <v>16600</v>
      </c>
      <c r="T83" s="16">
        <v>12</v>
      </c>
      <c r="U83" s="16">
        <v>16703</v>
      </c>
      <c r="V83" s="18">
        <v>8</v>
      </c>
      <c r="W83" s="21">
        <v>28</v>
      </c>
      <c r="X83" s="16" t="s">
        <v>44</v>
      </c>
      <c r="Y83" s="16">
        <v>7666</v>
      </c>
      <c r="Z83" s="16">
        <v>2</v>
      </c>
      <c r="AA83" s="16">
        <v>6279</v>
      </c>
      <c r="AB83" s="16">
        <v>27</v>
      </c>
      <c r="AC83" s="17">
        <v>7642</v>
      </c>
      <c r="AD83" s="17">
        <v>1</v>
      </c>
      <c r="AE83" s="16">
        <v>7683</v>
      </c>
      <c r="AF83" s="16">
        <v>4</v>
      </c>
      <c r="AG83" s="16">
        <v>7661</v>
      </c>
      <c r="AH83" s="18">
        <v>2</v>
      </c>
      <c r="AI83" s="16">
        <v>18770</v>
      </c>
      <c r="AJ83" s="16">
        <v>10</v>
      </c>
      <c r="AK83" s="16">
        <v>21122</v>
      </c>
      <c r="AL83" s="16">
        <v>6</v>
      </c>
      <c r="AM83" s="17">
        <v>19076</v>
      </c>
      <c r="AN83" s="17">
        <v>2</v>
      </c>
      <c r="AO83" s="16">
        <v>18580</v>
      </c>
      <c r="AP83" s="19">
        <v>27</v>
      </c>
      <c r="AQ83" s="16">
        <v>18788</v>
      </c>
      <c r="AR83" s="20">
        <v>10</v>
      </c>
    </row>
    <row r="84" spans="1:44" ht="14.1" customHeight="1" x14ac:dyDescent="0.15">
      <c r="A84" s="21">
        <v>29</v>
      </c>
      <c r="B84" s="15" t="s">
        <v>45</v>
      </c>
      <c r="C84" s="16">
        <v>39075</v>
      </c>
      <c r="D84" s="16">
        <v>24</v>
      </c>
      <c r="E84" s="16">
        <v>0</v>
      </c>
      <c r="F84" s="16">
        <v>20</v>
      </c>
      <c r="G84" s="17">
        <v>34620</v>
      </c>
      <c r="H84" s="17">
        <v>11</v>
      </c>
      <c r="I84" s="16">
        <v>41174</v>
      </c>
      <c r="J84" s="16">
        <v>32</v>
      </c>
      <c r="K84" s="16">
        <v>39075</v>
      </c>
      <c r="L84" s="18">
        <v>24</v>
      </c>
      <c r="M84" s="16">
        <v>15939</v>
      </c>
      <c r="N84" s="16">
        <v>15</v>
      </c>
      <c r="O84" s="16">
        <v>14316</v>
      </c>
      <c r="P84" s="16">
        <v>19</v>
      </c>
      <c r="Q84" s="17">
        <v>15744</v>
      </c>
      <c r="R84" s="17">
        <v>11</v>
      </c>
      <c r="S84" s="16">
        <v>16043</v>
      </c>
      <c r="T84" s="16">
        <v>18</v>
      </c>
      <c r="U84" s="16">
        <v>15938</v>
      </c>
      <c r="V84" s="18">
        <v>15</v>
      </c>
      <c r="W84" s="21">
        <v>29</v>
      </c>
      <c r="X84" s="16" t="s">
        <v>45</v>
      </c>
      <c r="Y84" s="16">
        <v>7410</v>
      </c>
      <c r="Z84" s="16">
        <v>10</v>
      </c>
      <c r="AA84" s="16">
        <v>10543</v>
      </c>
      <c r="AB84" s="16">
        <v>3</v>
      </c>
      <c r="AC84" s="17">
        <v>7163</v>
      </c>
      <c r="AD84" s="17">
        <v>25</v>
      </c>
      <c r="AE84" s="16">
        <v>7588</v>
      </c>
      <c r="AF84" s="16">
        <v>6</v>
      </c>
      <c r="AG84" s="16">
        <v>7411</v>
      </c>
      <c r="AH84" s="18">
        <v>10</v>
      </c>
      <c r="AI84" s="16">
        <v>18963</v>
      </c>
      <c r="AJ84" s="16">
        <v>7</v>
      </c>
      <c r="AK84" s="16">
        <v>13522</v>
      </c>
      <c r="AL84" s="16">
        <v>20</v>
      </c>
      <c r="AM84" s="17">
        <v>17243</v>
      </c>
      <c r="AN84" s="17">
        <v>10</v>
      </c>
      <c r="AO84" s="16">
        <v>19921</v>
      </c>
      <c r="AP84" s="19">
        <v>7</v>
      </c>
      <c r="AQ84" s="16">
        <v>18961</v>
      </c>
      <c r="AR84" s="20">
        <v>7</v>
      </c>
    </row>
    <row r="85" spans="1:44" ht="14.1" customHeight="1" x14ac:dyDescent="0.15">
      <c r="A85" s="21">
        <v>30</v>
      </c>
      <c r="B85" s="15" t="s">
        <v>46</v>
      </c>
      <c r="C85" s="16">
        <v>41743</v>
      </c>
      <c r="D85" s="16">
        <v>12</v>
      </c>
      <c r="E85" s="16">
        <v>0</v>
      </c>
      <c r="F85" s="16">
        <v>20</v>
      </c>
      <c r="G85" s="17">
        <v>37411</v>
      </c>
      <c r="H85" s="17">
        <v>3</v>
      </c>
      <c r="I85" s="16">
        <v>45216</v>
      </c>
      <c r="J85" s="16">
        <v>22</v>
      </c>
      <c r="K85" s="16">
        <v>41743</v>
      </c>
      <c r="L85" s="18">
        <v>12</v>
      </c>
      <c r="M85" s="16">
        <v>18601</v>
      </c>
      <c r="N85" s="16">
        <v>1</v>
      </c>
      <c r="O85" s="16">
        <v>1410</v>
      </c>
      <c r="P85" s="16">
        <v>32</v>
      </c>
      <c r="Q85" s="17">
        <v>17464</v>
      </c>
      <c r="R85" s="17">
        <v>1</v>
      </c>
      <c r="S85" s="16">
        <v>19292</v>
      </c>
      <c r="T85" s="16">
        <v>1</v>
      </c>
      <c r="U85" s="16">
        <v>18599</v>
      </c>
      <c r="V85" s="18">
        <v>1</v>
      </c>
      <c r="W85" s="21">
        <v>30</v>
      </c>
      <c r="X85" s="16" t="s">
        <v>46</v>
      </c>
      <c r="Y85" s="16">
        <v>7863</v>
      </c>
      <c r="Z85" s="16">
        <v>1</v>
      </c>
      <c r="AA85" s="16">
        <v>0</v>
      </c>
      <c r="AB85" s="16">
        <v>32</v>
      </c>
      <c r="AC85" s="17">
        <v>7387</v>
      </c>
      <c r="AD85" s="17">
        <v>12</v>
      </c>
      <c r="AE85" s="16">
        <v>8210</v>
      </c>
      <c r="AF85" s="16">
        <v>1</v>
      </c>
      <c r="AG85" s="16">
        <v>7863</v>
      </c>
      <c r="AH85" s="18">
        <v>1</v>
      </c>
      <c r="AI85" s="16">
        <v>21493</v>
      </c>
      <c r="AJ85" s="16">
        <v>1</v>
      </c>
      <c r="AK85" s="16">
        <v>1060</v>
      </c>
      <c r="AL85" s="16">
        <v>32</v>
      </c>
      <c r="AM85" s="17">
        <v>20234</v>
      </c>
      <c r="AN85" s="17">
        <v>1</v>
      </c>
      <c r="AO85" s="16">
        <v>22320</v>
      </c>
      <c r="AP85" s="19">
        <v>1</v>
      </c>
      <c r="AQ85" s="16">
        <v>21492</v>
      </c>
      <c r="AR85" s="20">
        <v>1</v>
      </c>
    </row>
    <row r="86" spans="1:44" ht="14.1" customHeight="1" x14ac:dyDescent="0.15">
      <c r="A86" s="21">
        <v>31</v>
      </c>
      <c r="B86" s="15" t="s">
        <v>47</v>
      </c>
      <c r="C86" s="16">
        <v>40383</v>
      </c>
      <c r="D86" s="16">
        <v>16</v>
      </c>
      <c r="E86" s="16">
        <v>4770</v>
      </c>
      <c r="F86" s="16">
        <v>18</v>
      </c>
      <c r="G86" s="17">
        <v>33857</v>
      </c>
      <c r="H86" s="17">
        <v>15</v>
      </c>
      <c r="I86" s="16">
        <v>44655</v>
      </c>
      <c r="J86" s="16">
        <v>24</v>
      </c>
      <c r="K86" s="16">
        <v>40382</v>
      </c>
      <c r="L86" s="18">
        <v>16</v>
      </c>
      <c r="M86" s="16">
        <v>16861</v>
      </c>
      <c r="N86" s="16">
        <v>6</v>
      </c>
      <c r="O86" s="16">
        <v>14423</v>
      </c>
      <c r="P86" s="16">
        <v>18</v>
      </c>
      <c r="Q86" s="17">
        <v>15763</v>
      </c>
      <c r="R86" s="17">
        <v>10</v>
      </c>
      <c r="S86" s="16">
        <v>17553</v>
      </c>
      <c r="T86" s="16">
        <v>4</v>
      </c>
      <c r="U86" s="16">
        <v>16859</v>
      </c>
      <c r="V86" s="18">
        <v>6</v>
      </c>
      <c r="W86" s="21">
        <v>31</v>
      </c>
      <c r="X86" s="16" t="s">
        <v>47</v>
      </c>
      <c r="Y86" s="16">
        <v>7595</v>
      </c>
      <c r="Z86" s="16">
        <v>3</v>
      </c>
      <c r="AA86" s="16">
        <v>9709</v>
      </c>
      <c r="AB86" s="16">
        <v>4</v>
      </c>
      <c r="AC86" s="17">
        <v>7477</v>
      </c>
      <c r="AD86" s="17">
        <v>6</v>
      </c>
      <c r="AE86" s="16">
        <v>7689</v>
      </c>
      <c r="AF86" s="16">
        <v>3</v>
      </c>
      <c r="AG86" s="16">
        <v>7596</v>
      </c>
      <c r="AH86" s="18">
        <v>3</v>
      </c>
      <c r="AI86" s="16">
        <v>19818</v>
      </c>
      <c r="AJ86" s="16">
        <v>3</v>
      </c>
      <c r="AK86" s="16">
        <v>13645</v>
      </c>
      <c r="AL86" s="16">
        <v>19</v>
      </c>
      <c r="AM86" s="17">
        <v>17602</v>
      </c>
      <c r="AN86" s="17">
        <v>6</v>
      </c>
      <c r="AO86" s="16">
        <v>21301</v>
      </c>
      <c r="AP86" s="19">
        <v>2</v>
      </c>
      <c r="AQ86" s="16">
        <v>19814</v>
      </c>
      <c r="AR86" s="20">
        <v>3</v>
      </c>
    </row>
    <row r="87" spans="1:44" ht="14.1" customHeight="1" x14ac:dyDescent="0.15">
      <c r="A87" s="21">
        <v>32</v>
      </c>
      <c r="B87" s="15" t="s">
        <v>48</v>
      </c>
      <c r="C87" s="16">
        <v>40266</v>
      </c>
      <c r="D87" s="16">
        <v>17</v>
      </c>
      <c r="E87" s="16">
        <v>0</v>
      </c>
      <c r="F87" s="16">
        <v>20</v>
      </c>
      <c r="G87" s="17">
        <v>34045</v>
      </c>
      <c r="H87" s="17">
        <v>12</v>
      </c>
      <c r="I87" s="16">
        <v>45802</v>
      </c>
      <c r="J87" s="16">
        <v>18</v>
      </c>
      <c r="K87" s="16">
        <v>40266</v>
      </c>
      <c r="L87" s="18">
        <v>17</v>
      </c>
      <c r="M87" s="16">
        <v>17019</v>
      </c>
      <c r="N87" s="16">
        <v>3</v>
      </c>
      <c r="O87" s="16">
        <v>11924</v>
      </c>
      <c r="P87" s="16">
        <v>28</v>
      </c>
      <c r="Q87" s="17">
        <v>16408</v>
      </c>
      <c r="R87" s="17">
        <v>5</v>
      </c>
      <c r="S87" s="16">
        <v>17419</v>
      </c>
      <c r="T87" s="16">
        <v>5</v>
      </c>
      <c r="U87" s="16">
        <v>17016</v>
      </c>
      <c r="V87" s="18">
        <v>3</v>
      </c>
      <c r="W87" s="21">
        <v>32</v>
      </c>
      <c r="X87" s="16" t="s">
        <v>48</v>
      </c>
      <c r="Y87" s="16">
        <v>6994</v>
      </c>
      <c r="Z87" s="16">
        <v>27</v>
      </c>
      <c r="AA87" s="16">
        <v>7093</v>
      </c>
      <c r="AB87" s="16">
        <v>17</v>
      </c>
      <c r="AC87" s="17">
        <v>7075</v>
      </c>
      <c r="AD87" s="17">
        <v>27</v>
      </c>
      <c r="AE87" s="16">
        <v>6931</v>
      </c>
      <c r="AF87" s="16">
        <v>27</v>
      </c>
      <c r="AG87" s="16">
        <v>6994</v>
      </c>
      <c r="AH87" s="18">
        <v>27</v>
      </c>
      <c r="AI87" s="16">
        <v>19842</v>
      </c>
      <c r="AJ87" s="16">
        <v>2</v>
      </c>
      <c r="AK87" s="16">
        <v>11552</v>
      </c>
      <c r="AL87" s="16">
        <v>28</v>
      </c>
      <c r="AM87" s="17">
        <v>18642</v>
      </c>
      <c r="AN87" s="17">
        <v>3</v>
      </c>
      <c r="AO87" s="16">
        <v>20699</v>
      </c>
      <c r="AP87" s="19">
        <v>4</v>
      </c>
      <c r="AQ87" s="16">
        <v>19838</v>
      </c>
      <c r="AR87" s="20">
        <v>2</v>
      </c>
    </row>
    <row r="88" spans="1:44" ht="14.1" customHeight="1" thickBot="1" x14ac:dyDescent="0.2">
      <c r="A88" s="28">
        <v>33</v>
      </c>
      <c r="B88" s="29" t="s">
        <v>49</v>
      </c>
      <c r="C88" s="30">
        <v>35517</v>
      </c>
      <c r="D88" s="30">
        <v>32</v>
      </c>
      <c r="E88" s="30">
        <v>0</v>
      </c>
      <c r="F88" s="30">
        <v>20</v>
      </c>
      <c r="G88" s="31">
        <v>27271</v>
      </c>
      <c r="H88" s="31">
        <v>30</v>
      </c>
      <c r="I88" s="30">
        <v>44379</v>
      </c>
      <c r="J88" s="30">
        <v>27</v>
      </c>
      <c r="K88" s="30">
        <v>35517</v>
      </c>
      <c r="L88" s="32">
        <v>32</v>
      </c>
      <c r="M88" s="30">
        <v>15194</v>
      </c>
      <c r="N88" s="30">
        <v>28</v>
      </c>
      <c r="O88" s="24">
        <v>0</v>
      </c>
      <c r="P88" s="30">
        <v>33</v>
      </c>
      <c r="Q88" s="31">
        <v>16018</v>
      </c>
      <c r="R88" s="31">
        <v>8</v>
      </c>
      <c r="S88" s="30">
        <v>14761</v>
      </c>
      <c r="T88" s="30">
        <v>32</v>
      </c>
      <c r="U88" s="30">
        <v>15194</v>
      </c>
      <c r="V88" s="32">
        <v>28</v>
      </c>
      <c r="W88" s="28">
        <v>33</v>
      </c>
      <c r="X88" s="30" t="s">
        <v>49</v>
      </c>
      <c r="Y88" s="30">
        <v>6944</v>
      </c>
      <c r="Z88" s="30">
        <v>30</v>
      </c>
      <c r="AA88" s="30">
        <v>0</v>
      </c>
      <c r="AB88" s="30">
        <v>32</v>
      </c>
      <c r="AC88" s="31">
        <v>7245</v>
      </c>
      <c r="AD88" s="31">
        <v>20</v>
      </c>
      <c r="AE88" s="30">
        <v>6772</v>
      </c>
      <c r="AF88" s="30">
        <v>32</v>
      </c>
      <c r="AG88" s="24">
        <v>6944</v>
      </c>
      <c r="AH88" s="32">
        <v>30</v>
      </c>
      <c r="AI88" s="30">
        <v>18252</v>
      </c>
      <c r="AJ88" s="30">
        <v>17</v>
      </c>
      <c r="AK88" s="30">
        <v>0</v>
      </c>
      <c r="AL88" s="30">
        <v>33</v>
      </c>
      <c r="AM88" s="31">
        <v>17617</v>
      </c>
      <c r="AN88" s="31">
        <v>5</v>
      </c>
      <c r="AO88" s="30">
        <v>18676</v>
      </c>
      <c r="AP88" s="33">
        <v>25</v>
      </c>
      <c r="AQ88" s="24">
        <v>18252</v>
      </c>
      <c r="AR88" s="34">
        <v>17</v>
      </c>
    </row>
    <row r="89" spans="1:44" ht="14.1" customHeight="1" thickTop="1" x14ac:dyDescent="0.15">
      <c r="A89" s="14">
        <v>301</v>
      </c>
      <c r="B89" s="48" t="s">
        <v>50</v>
      </c>
      <c r="C89" s="25">
        <v>68474</v>
      </c>
      <c r="D89" s="25">
        <v>1</v>
      </c>
      <c r="E89" s="79" t="s">
        <v>52</v>
      </c>
      <c r="F89" s="79" t="s">
        <v>51</v>
      </c>
      <c r="G89" s="44">
        <v>65461</v>
      </c>
      <c r="H89" s="44">
        <v>1</v>
      </c>
      <c r="I89" s="25">
        <v>76312</v>
      </c>
      <c r="J89" s="25">
        <v>2</v>
      </c>
      <c r="K89" s="25">
        <v>68474</v>
      </c>
      <c r="L89" s="45">
        <v>1</v>
      </c>
      <c r="M89" s="25">
        <v>16750</v>
      </c>
      <c r="N89" s="25">
        <v>1</v>
      </c>
      <c r="O89" s="41" t="s">
        <v>51</v>
      </c>
      <c r="P89" s="46" t="s">
        <v>72</v>
      </c>
      <c r="Q89" s="44">
        <v>15498</v>
      </c>
      <c r="R89" s="44">
        <v>1</v>
      </c>
      <c r="S89" s="25">
        <v>22334</v>
      </c>
      <c r="T89" s="25">
        <v>1</v>
      </c>
      <c r="U89" s="25">
        <v>16750</v>
      </c>
      <c r="V89" s="45">
        <v>1</v>
      </c>
      <c r="W89" s="14">
        <v>301</v>
      </c>
      <c r="X89" s="42" t="s">
        <v>53</v>
      </c>
      <c r="Y89" s="25">
        <v>7122</v>
      </c>
      <c r="Z89" s="25">
        <v>5</v>
      </c>
      <c r="AA89" s="46" t="s">
        <v>68</v>
      </c>
      <c r="AB89" s="46" t="s">
        <v>51</v>
      </c>
      <c r="AC89" s="44">
        <v>7160</v>
      </c>
      <c r="AD89" s="44">
        <v>5</v>
      </c>
      <c r="AE89" s="25">
        <v>6951</v>
      </c>
      <c r="AF89" s="25">
        <v>5</v>
      </c>
      <c r="AG89" s="37">
        <v>7122</v>
      </c>
      <c r="AH89" s="45">
        <v>5</v>
      </c>
      <c r="AI89" s="25">
        <v>17475</v>
      </c>
      <c r="AJ89" s="25">
        <v>1</v>
      </c>
      <c r="AK89" s="46" t="s">
        <v>81</v>
      </c>
      <c r="AL89" s="46" t="s">
        <v>81</v>
      </c>
      <c r="AM89" s="44">
        <v>16086</v>
      </c>
      <c r="AN89" s="44">
        <v>1</v>
      </c>
      <c r="AO89" s="25">
        <v>23402</v>
      </c>
      <c r="AP89" s="47">
        <v>2</v>
      </c>
      <c r="AQ89" s="37">
        <v>17475</v>
      </c>
      <c r="AR89" s="20">
        <v>1</v>
      </c>
    </row>
    <row r="90" spans="1:44" ht="14.1" customHeight="1" x14ac:dyDescent="0.15">
      <c r="A90" s="21">
        <v>302</v>
      </c>
      <c r="B90" s="48" t="s">
        <v>82</v>
      </c>
      <c r="C90" s="16">
        <v>65644</v>
      </c>
      <c r="D90" s="16">
        <v>2</v>
      </c>
      <c r="E90" s="49" t="s">
        <v>51</v>
      </c>
      <c r="F90" s="49" t="s">
        <v>68</v>
      </c>
      <c r="G90" s="17">
        <v>63428</v>
      </c>
      <c r="H90" s="17">
        <v>2</v>
      </c>
      <c r="I90" s="16">
        <v>73026</v>
      </c>
      <c r="J90" s="16">
        <v>3</v>
      </c>
      <c r="K90" s="16">
        <v>65644</v>
      </c>
      <c r="L90" s="18">
        <v>2</v>
      </c>
      <c r="M90" s="16">
        <v>13349</v>
      </c>
      <c r="N90" s="16">
        <v>4</v>
      </c>
      <c r="O90" s="50" t="s">
        <v>52</v>
      </c>
      <c r="P90" s="50" t="s">
        <v>51</v>
      </c>
      <c r="Q90" s="17">
        <v>12209</v>
      </c>
      <c r="R90" s="17">
        <v>4</v>
      </c>
      <c r="S90" s="16">
        <v>19901</v>
      </c>
      <c r="T90" s="16">
        <v>2</v>
      </c>
      <c r="U90" s="16">
        <v>13349</v>
      </c>
      <c r="V90" s="18">
        <v>4</v>
      </c>
      <c r="W90" s="21">
        <v>302</v>
      </c>
      <c r="X90" s="42" t="s">
        <v>54</v>
      </c>
      <c r="Y90" s="16">
        <v>8263</v>
      </c>
      <c r="Z90" s="16">
        <v>1</v>
      </c>
      <c r="AA90" s="50" t="s">
        <v>51</v>
      </c>
      <c r="AB90" s="50" t="s">
        <v>51</v>
      </c>
      <c r="AC90" s="17">
        <v>8300</v>
      </c>
      <c r="AD90" s="17">
        <v>1</v>
      </c>
      <c r="AE90" s="16">
        <v>7937</v>
      </c>
      <c r="AF90" s="16">
        <v>1</v>
      </c>
      <c r="AG90" s="16">
        <v>8263</v>
      </c>
      <c r="AH90" s="18">
        <v>1</v>
      </c>
      <c r="AI90" s="16">
        <v>16306</v>
      </c>
      <c r="AJ90" s="16">
        <v>3</v>
      </c>
      <c r="AK90" s="50" t="s">
        <v>81</v>
      </c>
      <c r="AL90" s="50" t="s">
        <v>81</v>
      </c>
      <c r="AM90" s="17">
        <v>14872</v>
      </c>
      <c r="AN90" s="17">
        <v>3</v>
      </c>
      <c r="AO90" s="16">
        <v>24410</v>
      </c>
      <c r="AP90" s="19">
        <v>1</v>
      </c>
      <c r="AQ90" s="16">
        <v>16306</v>
      </c>
      <c r="AR90" s="20">
        <v>3</v>
      </c>
    </row>
    <row r="91" spans="1:44" ht="14.1" customHeight="1" x14ac:dyDescent="0.15">
      <c r="A91" s="21">
        <v>303</v>
      </c>
      <c r="B91" s="48" t="s">
        <v>83</v>
      </c>
      <c r="C91" s="16">
        <v>63373</v>
      </c>
      <c r="D91" s="16">
        <v>3</v>
      </c>
      <c r="E91" s="49" t="s">
        <v>51</v>
      </c>
      <c r="F91" s="49" t="s">
        <v>51</v>
      </c>
      <c r="G91" s="17">
        <v>61556</v>
      </c>
      <c r="H91" s="17">
        <v>4</v>
      </c>
      <c r="I91" s="16">
        <v>65875</v>
      </c>
      <c r="J91" s="16">
        <v>4</v>
      </c>
      <c r="K91" s="16">
        <v>63373</v>
      </c>
      <c r="L91" s="18">
        <v>3</v>
      </c>
      <c r="M91" s="16">
        <v>15108</v>
      </c>
      <c r="N91" s="16">
        <v>2</v>
      </c>
      <c r="O91" s="50" t="s">
        <v>51</v>
      </c>
      <c r="P91" s="50" t="s">
        <v>51</v>
      </c>
      <c r="Q91" s="17">
        <v>14032</v>
      </c>
      <c r="R91" s="17">
        <v>2</v>
      </c>
      <c r="S91" s="16">
        <v>17139</v>
      </c>
      <c r="T91" s="16">
        <v>3</v>
      </c>
      <c r="U91" s="16">
        <v>15108</v>
      </c>
      <c r="V91" s="18">
        <v>2</v>
      </c>
      <c r="W91" s="21">
        <v>303</v>
      </c>
      <c r="X91" s="42" t="s">
        <v>58</v>
      </c>
      <c r="Y91" s="16">
        <v>7309</v>
      </c>
      <c r="Z91" s="16">
        <v>3</v>
      </c>
      <c r="AA91" s="50" t="s">
        <v>51</v>
      </c>
      <c r="AB91" s="50" t="s">
        <v>72</v>
      </c>
      <c r="AC91" s="17">
        <v>7326</v>
      </c>
      <c r="AD91" s="17">
        <v>3</v>
      </c>
      <c r="AE91" s="16">
        <v>7265</v>
      </c>
      <c r="AF91" s="16">
        <v>4</v>
      </c>
      <c r="AG91" s="16">
        <v>7309</v>
      </c>
      <c r="AH91" s="18">
        <v>3</v>
      </c>
      <c r="AI91" s="16">
        <v>17313</v>
      </c>
      <c r="AJ91" s="16">
        <v>2</v>
      </c>
      <c r="AK91" s="50" t="s">
        <v>81</v>
      </c>
      <c r="AL91" s="50" t="s">
        <v>81</v>
      </c>
      <c r="AM91" s="17">
        <v>15782</v>
      </c>
      <c r="AN91" s="17">
        <v>2</v>
      </c>
      <c r="AO91" s="16">
        <v>20346</v>
      </c>
      <c r="AP91" s="19">
        <v>4</v>
      </c>
      <c r="AQ91" s="16">
        <v>17313</v>
      </c>
      <c r="AR91" s="20">
        <v>2</v>
      </c>
    </row>
    <row r="92" spans="1:44" ht="14.1" customHeight="1" x14ac:dyDescent="0.15">
      <c r="A92" s="21">
        <v>304</v>
      </c>
      <c r="B92" s="48" t="s">
        <v>60</v>
      </c>
      <c r="C92" s="16">
        <v>57917</v>
      </c>
      <c r="D92" s="16">
        <v>5</v>
      </c>
      <c r="E92" s="49" t="s">
        <v>51</v>
      </c>
      <c r="F92" s="49" t="s">
        <v>51</v>
      </c>
      <c r="G92" s="17">
        <v>51025</v>
      </c>
      <c r="H92" s="17">
        <v>6</v>
      </c>
      <c r="I92" s="16">
        <v>77704</v>
      </c>
      <c r="J92" s="16">
        <v>1</v>
      </c>
      <c r="K92" s="16">
        <v>57917</v>
      </c>
      <c r="L92" s="18">
        <v>5</v>
      </c>
      <c r="M92" s="16">
        <v>12013</v>
      </c>
      <c r="N92" s="16">
        <v>6</v>
      </c>
      <c r="O92" s="50" t="s">
        <v>51</v>
      </c>
      <c r="P92" s="50" t="s">
        <v>51</v>
      </c>
      <c r="Q92" s="17">
        <v>11214</v>
      </c>
      <c r="R92" s="17">
        <v>6</v>
      </c>
      <c r="S92" s="16">
        <v>15828</v>
      </c>
      <c r="T92" s="16">
        <v>6</v>
      </c>
      <c r="U92" s="16">
        <v>12013</v>
      </c>
      <c r="V92" s="18">
        <v>6</v>
      </c>
      <c r="W92" s="21">
        <v>304</v>
      </c>
      <c r="X92" s="42" t="s">
        <v>60</v>
      </c>
      <c r="Y92" s="16">
        <v>7057</v>
      </c>
      <c r="Z92" s="16">
        <v>6</v>
      </c>
      <c r="AA92" s="50" t="s">
        <v>52</v>
      </c>
      <c r="AB92" s="50" t="s">
        <v>51</v>
      </c>
      <c r="AC92" s="17">
        <v>7097</v>
      </c>
      <c r="AD92" s="17">
        <v>6</v>
      </c>
      <c r="AE92" s="16">
        <v>6855</v>
      </c>
      <c r="AF92" s="16">
        <v>6</v>
      </c>
      <c r="AG92" s="16">
        <v>7057</v>
      </c>
      <c r="AH92" s="18">
        <v>6</v>
      </c>
      <c r="AI92" s="16">
        <v>13561</v>
      </c>
      <c r="AJ92" s="16">
        <v>6</v>
      </c>
      <c r="AK92" s="50" t="s">
        <v>81</v>
      </c>
      <c r="AL92" s="50" t="s">
        <v>81</v>
      </c>
      <c r="AM92" s="17">
        <v>12355</v>
      </c>
      <c r="AN92" s="17">
        <v>6</v>
      </c>
      <c r="AO92" s="16">
        <v>19198</v>
      </c>
      <c r="AP92" s="19">
        <v>6</v>
      </c>
      <c r="AQ92" s="16">
        <v>13561</v>
      </c>
      <c r="AR92" s="20">
        <v>6</v>
      </c>
    </row>
    <row r="93" spans="1:44" ht="14.1" customHeight="1" x14ac:dyDescent="0.15">
      <c r="A93" s="21">
        <v>305</v>
      </c>
      <c r="B93" s="48" t="s">
        <v>63</v>
      </c>
      <c r="C93" s="16">
        <v>56284</v>
      </c>
      <c r="D93" s="16">
        <v>6</v>
      </c>
      <c r="E93" s="49" t="s">
        <v>52</v>
      </c>
      <c r="F93" s="49" t="s">
        <v>51</v>
      </c>
      <c r="G93" s="17">
        <v>55002</v>
      </c>
      <c r="H93" s="17">
        <v>5</v>
      </c>
      <c r="I93" s="16">
        <v>58064</v>
      </c>
      <c r="J93" s="16">
        <v>5</v>
      </c>
      <c r="K93" s="16">
        <v>56284</v>
      </c>
      <c r="L93" s="18">
        <v>6</v>
      </c>
      <c r="M93" s="16">
        <v>13419</v>
      </c>
      <c r="N93" s="16">
        <v>3</v>
      </c>
      <c r="O93" s="50" t="s">
        <v>51</v>
      </c>
      <c r="P93" s="50" t="s">
        <v>68</v>
      </c>
      <c r="Q93" s="17">
        <v>12553</v>
      </c>
      <c r="R93" s="17">
        <v>3</v>
      </c>
      <c r="S93" s="16">
        <v>16002</v>
      </c>
      <c r="T93" s="16">
        <v>5</v>
      </c>
      <c r="U93" s="16">
        <v>13419</v>
      </c>
      <c r="V93" s="18">
        <v>3</v>
      </c>
      <c r="W93" s="21">
        <v>305</v>
      </c>
      <c r="X93" s="42" t="s">
        <v>84</v>
      </c>
      <c r="Y93" s="16">
        <v>7296</v>
      </c>
      <c r="Z93" s="16">
        <v>4</v>
      </c>
      <c r="AA93" s="50" t="s">
        <v>51</v>
      </c>
      <c r="AB93" s="50" t="s">
        <v>51</v>
      </c>
      <c r="AC93" s="17">
        <v>7282</v>
      </c>
      <c r="AD93" s="17">
        <v>4</v>
      </c>
      <c r="AE93" s="16">
        <v>7356</v>
      </c>
      <c r="AF93" s="16">
        <v>3</v>
      </c>
      <c r="AG93" s="16">
        <v>7296</v>
      </c>
      <c r="AH93" s="18">
        <v>4</v>
      </c>
      <c r="AI93" s="16">
        <v>15478</v>
      </c>
      <c r="AJ93" s="16">
        <v>5</v>
      </c>
      <c r="AK93" s="50" t="s">
        <v>81</v>
      </c>
      <c r="AL93" s="50" t="s">
        <v>81</v>
      </c>
      <c r="AM93" s="17">
        <v>13925</v>
      </c>
      <c r="AN93" s="17">
        <v>5</v>
      </c>
      <c r="AO93" s="16">
        <v>20036</v>
      </c>
      <c r="AP93" s="19">
        <v>5</v>
      </c>
      <c r="AQ93" s="16">
        <v>15478</v>
      </c>
      <c r="AR93" s="20">
        <v>5</v>
      </c>
    </row>
    <row r="94" spans="1:44" ht="14.1" customHeight="1" thickBot="1" x14ac:dyDescent="0.2">
      <c r="A94" s="51">
        <v>306</v>
      </c>
      <c r="B94" s="52" t="s">
        <v>66</v>
      </c>
      <c r="C94" s="30">
        <v>59581</v>
      </c>
      <c r="D94" s="30">
        <v>4</v>
      </c>
      <c r="E94" s="53" t="s">
        <v>51</v>
      </c>
      <c r="F94" s="53" t="s">
        <v>51</v>
      </c>
      <c r="G94" s="31">
        <v>61691</v>
      </c>
      <c r="H94" s="31">
        <v>3</v>
      </c>
      <c r="I94" s="30">
        <v>55943</v>
      </c>
      <c r="J94" s="30">
        <v>6</v>
      </c>
      <c r="K94" s="24">
        <v>59581</v>
      </c>
      <c r="L94" s="32">
        <v>4</v>
      </c>
      <c r="M94" s="30">
        <v>13224</v>
      </c>
      <c r="N94" s="30">
        <v>5</v>
      </c>
      <c r="O94" s="8" t="s">
        <v>68</v>
      </c>
      <c r="P94" s="8" t="s">
        <v>51</v>
      </c>
      <c r="Q94" s="31">
        <v>12056</v>
      </c>
      <c r="R94" s="31">
        <v>5</v>
      </c>
      <c r="S94" s="30">
        <v>17050</v>
      </c>
      <c r="T94" s="30">
        <v>4</v>
      </c>
      <c r="U94" s="24">
        <v>13224</v>
      </c>
      <c r="V94" s="32">
        <v>5</v>
      </c>
      <c r="W94" s="51">
        <v>306</v>
      </c>
      <c r="X94" s="54" t="s">
        <v>85</v>
      </c>
      <c r="Y94" s="30">
        <v>7470</v>
      </c>
      <c r="Z94" s="30">
        <v>2</v>
      </c>
      <c r="AA94" s="8" t="s">
        <v>51</v>
      </c>
      <c r="AB94" s="8" t="s">
        <v>51</v>
      </c>
      <c r="AC94" s="31">
        <v>7463</v>
      </c>
      <c r="AD94" s="31">
        <v>2</v>
      </c>
      <c r="AE94" s="30">
        <v>7499</v>
      </c>
      <c r="AF94" s="30">
        <v>2</v>
      </c>
      <c r="AG94" s="30">
        <v>7470</v>
      </c>
      <c r="AH94" s="32">
        <v>2</v>
      </c>
      <c r="AI94" s="30">
        <v>15979</v>
      </c>
      <c r="AJ94" s="30">
        <v>4</v>
      </c>
      <c r="AK94" s="8" t="s">
        <v>81</v>
      </c>
      <c r="AL94" s="8" t="s">
        <v>81</v>
      </c>
      <c r="AM94" s="31">
        <v>14525</v>
      </c>
      <c r="AN94" s="31">
        <v>4</v>
      </c>
      <c r="AO94" s="30">
        <v>20782</v>
      </c>
      <c r="AP94" s="33">
        <v>3</v>
      </c>
      <c r="AQ94" s="24">
        <v>15979</v>
      </c>
      <c r="AR94" s="34">
        <v>4</v>
      </c>
    </row>
    <row r="95" spans="1:44" ht="14.1" customHeight="1" thickTop="1" thickBot="1" x14ac:dyDescent="0.2">
      <c r="A95" s="410" t="s">
        <v>67</v>
      </c>
      <c r="B95" s="405"/>
      <c r="C95" s="30">
        <v>42374</v>
      </c>
      <c r="D95" s="55" t="s">
        <v>51</v>
      </c>
      <c r="E95" s="56">
        <v>42994</v>
      </c>
      <c r="F95" s="55" t="s">
        <v>51</v>
      </c>
      <c r="G95" s="31">
        <v>34323</v>
      </c>
      <c r="H95" s="57" t="s">
        <v>72</v>
      </c>
      <c r="I95" s="30">
        <v>49379</v>
      </c>
      <c r="J95" s="55" t="s">
        <v>52</v>
      </c>
      <c r="K95" s="58">
        <v>42374</v>
      </c>
      <c r="L95" s="59" t="s">
        <v>72</v>
      </c>
      <c r="M95" s="30">
        <v>15152</v>
      </c>
      <c r="N95" s="62" t="s">
        <v>51</v>
      </c>
      <c r="O95" s="56">
        <v>15695</v>
      </c>
      <c r="P95" s="62" t="s">
        <v>68</v>
      </c>
      <c r="Q95" s="31">
        <v>14539</v>
      </c>
      <c r="R95" s="57" t="s">
        <v>81</v>
      </c>
      <c r="S95" s="30">
        <v>15564</v>
      </c>
      <c r="T95" s="62" t="s">
        <v>51</v>
      </c>
      <c r="U95" s="60">
        <v>15152</v>
      </c>
      <c r="V95" s="61" t="s">
        <v>51</v>
      </c>
      <c r="W95" s="410" t="s">
        <v>67</v>
      </c>
      <c r="X95" s="405"/>
      <c r="Y95" s="30">
        <v>7289</v>
      </c>
      <c r="Z95" s="62" t="s">
        <v>51</v>
      </c>
      <c r="AA95" s="56">
        <v>6955</v>
      </c>
      <c r="AB95" s="62" t="s">
        <v>68</v>
      </c>
      <c r="AC95" s="31">
        <v>7404</v>
      </c>
      <c r="AD95" s="57" t="s">
        <v>51</v>
      </c>
      <c r="AE95" s="30">
        <v>7196</v>
      </c>
      <c r="AF95" s="62" t="s">
        <v>51</v>
      </c>
      <c r="AG95" s="56">
        <v>7288</v>
      </c>
      <c r="AH95" s="61" t="s">
        <v>51</v>
      </c>
      <c r="AI95" s="30">
        <v>17740</v>
      </c>
      <c r="AJ95" s="62" t="s">
        <v>81</v>
      </c>
      <c r="AK95" s="56">
        <v>17772</v>
      </c>
      <c r="AL95" s="62" t="s">
        <v>81</v>
      </c>
      <c r="AM95" s="31">
        <v>16382</v>
      </c>
      <c r="AN95" s="57" t="s">
        <v>68</v>
      </c>
      <c r="AO95" s="30">
        <v>18722</v>
      </c>
      <c r="AP95" s="62" t="s">
        <v>81</v>
      </c>
      <c r="AQ95" s="60">
        <v>17740</v>
      </c>
      <c r="AR95" s="61" t="s">
        <v>81</v>
      </c>
    </row>
    <row r="96" spans="1:44" ht="14.1" customHeight="1" thickTop="1" thickBot="1" x14ac:dyDescent="0.2">
      <c r="A96" s="404" t="s">
        <v>69</v>
      </c>
      <c r="B96" s="405"/>
      <c r="C96" s="30">
        <v>39561</v>
      </c>
      <c r="D96" s="55" t="s">
        <v>51</v>
      </c>
      <c r="E96" s="30">
        <v>27232</v>
      </c>
      <c r="F96" s="55" t="s">
        <v>52</v>
      </c>
      <c r="G96" s="31">
        <v>31775</v>
      </c>
      <c r="H96" s="57" t="s">
        <v>51</v>
      </c>
      <c r="I96" s="30">
        <v>45587</v>
      </c>
      <c r="J96" s="55" t="s">
        <v>51</v>
      </c>
      <c r="K96" s="58">
        <v>39549</v>
      </c>
      <c r="L96" s="59" t="s">
        <v>51</v>
      </c>
      <c r="M96" s="30">
        <v>16337</v>
      </c>
      <c r="N96" s="62" t="s">
        <v>51</v>
      </c>
      <c r="O96" s="30">
        <v>15243</v>
      </c>
      <c r="P96" s="62" t="s">
        <v>51</v>
      </c>
      <c r="Q96" s="31">
        <v>15755</v>
      </c>
      <c r="R96" s="57" t="s">
        <v>81</v>
      </c>
      <c r="S96" s="30">
        <v>16774</v>
      </c>
      <c r="T96" s="62" t="s">
        <v>51</v>
      </c>
      <c r="U96" s="64">
        <v>16336</v>
      </c>
      <c r="V96" s="61" t="s">
        <v>68</v>
      </c>
      <c r="W96" s="404" t="s">
        <v>69</v>
      </c>
      <c r="X96" s="405"/>
      <c r="Y96" s="30">
        <v>7237</v>
      </c>
      <c r="Z96" s="62" t="s">
        <v>51</v>
      </c>
      <c r="AA96" s="30">
        <v>7462</v>
      </c>
      <c r="AB96" s="62" t="s">
        <v>51</v>
      </c>
      <c r="AC96" s="31">
        <v>7299</v>
      </c>
      <c r="AD96" s="57" t="s">
        <v>51</v>
      </c>
      <c r="AE96" s="30">
        <v>7228</v>
      </c>
      <c r="AF96" s="62" t="s">
        <v>51</v>
      </c>
      <c r="AG96" s="64">
        <v>7237</v>
      </c>
      <c r="AH96" s="61" t="s">
        <v>51</v>
      </c>
      <c r="AI96" s="30">
        <v>18810</v>
      </c>
      <c r="AJ96" s="62" t="s">
        <v>81</v>
      </c>
      <c r="AK96" s="30">
        <v>15411</v>
      </c>
      <c r="AL96" s="62" t="s">
        <v>81</v>
      </c>
      <c r="AM96" s="31">
        <v>17254</v>
      </c>
      <c r="AN96" s="57" t="s">
        <v>51</v>
      </c>
      <c r="AO96" s="30">
        <v>19843</v>
      </c>
      <c r="AP96" s="62" t="s">
        <v>81</v>
      </c>
      <c r="AQ96" s="64">
        <v>18806</v>
      </c>
      <c r="AR96" s="61" t="s">
        <v>81</v>
      </c>
    </row>
    <row r="97" spans="1:44" ht="14.1" customHeight="1" thickTop="1" thickBot="1" x14ac:dyDescent="0.2">
      <c r="A97" s="404" t="s">
        <v>71</v>
      </c>
      <c r="B97" s="405"/>
      <c r="C97" s="30">
        <v>42247</v>
      </c>
      <c r="D97" s="55" t="s">
        <v>52</v>
      </c>
      <c r="E97" s="30">
        <v>41997</v>
      </c>
      <c r="F97" s="55" t="s">
        <v>72</v>
      </c>
      <c r="G97" s="31">
        <v>34188</v>
      </c>
      <c r="H97" s="57" t="s">
        <v>51</v>
      </c>
      <c r="I97" s="30">
        <v>49199</v>
      </c>
      <c r="J97" s="55" t="s">
        <v>52</v>
      </c>
      <c r="K97" s="60">
        <v>42247</v>
      </c>
      <c r="L97" s="59" t="s">
        <v>51</v>
      </c>
      <c r="M97" s="30">
        <v>15196</v>
      </c>
      <c r="N97" s="62" t="s">
        <v>52</v>
      </c>
      <c r="O97" s="30">
        <v>15672</v>
      </c>
      <c r="P97" s="62" t="s">
        <v>51</v>
      </c>
      <c r="Q97" s="31">
        <v>14591</v>
      </c>
      <c r="R97" s="57" t="s">
        <v>81</v>
      </c>
      <c r="S97" s="30">
        <v>15611</v>
      </c>
      <c r="T97" s="62" t="s">
        <v>51</v>
      </c>
      <c r="U97" s="60">
        <v>15196</v>
      </c>
      <c r="V97" s="61" t="s">
        <v>51</v>
      </c>
      <c r="W97" s="404" t="s">
        <v>71</v>
      </c>
      <c r="X97" s="405"/>
      <c r="Y97" s="30">
        <v>7287</v>
      </c>
      <c r="Z97" s="62" t="s">
        <v>51</v>
      </c>
      <c r="AA97" s="30">
        <v>6983</v>
      </c>
      <c r="AB97" s="62" t="s">
        <v>51</v>
      </c>
      <c r="AC97" s="31">
        <v>7399</v>
      </c>
      <c r="AD97" s="57" t="s">
        <v>51</v>
      </c>
      <c r="AE97" s="30">
        <v>7197</v>
      </c>
      <c r="AF97" s="62" t="s">
        <v>52</v>
      </c>
      <c r="AG97" s="60">
        <v>7286</v>
      </c>
      <c r="AH97" s="61" t="s">
        <v>51</v>
      </c>
      <c r="AI97" s="30">
        <v>17781</v>
      </c>
      <c r="AJ97" s="62" t="s">
        <v>81</v>
      </c>
      <c r="AK97" s="30">
        <v>17644</v>
      </c>
      <c r="AL97" s="62" t="s">
        <v>81</v>
      </c>
      <c r="AM97" s="31">
        <v>16421</v>
      </c>
      <c r="AN97" s="57" t="s">
        <v>51</v>
      </c>
      <c r="AO97" s="30">
        <v>18767</v>
      </c>
      <c r="AP97" s="62" t="s">
        <v>81</v>
      </c>
      <c r="AQ97" s="58">
        <v>17781</v>
      </c>
      <c r="AR97" s="61" t="s">
        <v>81</v>
      </c>
    </row>
    <row r="98" spans="1:44" ht="14.1" customHeight="1" thickTop="1" thickBot="1" x14ac:dyDescent="0.2">
      <c r="A98" s="404" t="s">
        <v>86</v>
      </c>
      <c r="B98" s="405"/>
      <c r="C98" s="30">
        <v>60996</v>
      </c>
      <c r="D98" s="55" t="s">
        <v>51</v>
      </c>
      <c r="E98" s="55" t="s">
        <v>51</v>
      </c>
      <c r="F98" s="55" t="s">
        <v>51</v>
      </c>
      <c r="G98" s="31">
        <v>61501</v>
      </c>
      <c r="H98" s="57" t="s">
        <v>51</v>
      </c>
      <c r="I98" s="30">
        <v>60084</v>
      </c>
      <c r="J98" s="55" t="s">
        <v>68</v>
      </c>
      <c r="K98" s="60">
        <v>60996</v>
      </c>
      <c r="L98" s="59" t="s">
        <v>51</v>
      </c>
      <c r="M98" s="30">
        <v>13747</v>
      </c>
      <c r="N98" s="62" t="s">
        <v>51</v>
      </c>
      <c r="O98" s="62" t="s">
        <v>51</v>
      </c>
      <c r="P98" s="62" t="s">
        <v>52</v>
      </c>
      <c r="Q98" s="31">
        <v>12599</v>
      </c>
      <c r="R98" s="57" t="s">
        <v>81</v>
      </c>
      <c r="S98" s="30">
        <v>17565</v>
      </c>
      <c r="T98" s="62" t="s">
        <v>51</v>
      </c>
      <c r="U98" s="60">
        <v>13747</v>
      </c>
      <c r="V98" s="61" t="s">
        <v>52</v>
      </c>
      <c r="W98" s="404" t="s">
        <v>87</v>
      </c>
      <c r="X98" s="405"/>
      <c r="Y98" s="30">
        <v>7418</v>
      </c>
      <c r="Z98" s="62" t="s">
        <v>51</v>
      </c>
      <c r="AA98" s="62" t="s">
        <v>72</v>
      </c>
      <c r="AB98" s="62" t="s">
        <v>51</v>
      </c>
      <c r="AC98" s="31">
        <v>7429</v>
      </c>
      <c r="AD98" s="57" t="s">
        <v>51</v>
      </c>
      <c r="AE98" s="30">
        <v>7372</v>
      </c>
      <c r="AF98" s="62" t="s">
        <v>72</v>
      </c>
      <c r="AG98" s="60">
        <v>7418</v>
      </c>
      <c r="AH98" s="61" t="s">
        <v>52</v>
      </c>
      <c r="AI98" s="30">
        <v>16206</v>
      </c>
      <c r="AJ98" s="62" t="s">
        <v>81</v>
      </c>
      <c r="AK98" s="62" t="s">
        <v>81</v>
      </c>
      <c r="AL98" s="62" t="s">
        <v>81</v>
      </c>
      <c r="AM98" s="31">
        <v>14739</v>
      </c>
      <c r="AN98" s="57" t="s">
        <v>68</v>
      </c>
      <c r="AO98" s="30">
        <v>21057</v>
      </c>
      <c r="AP98" s="62" t="s">
        <v>81</v>
      </c>
      <c r="AQ98" s="58">
        <v>16206</v>
      </c>
      <c r="AR98" s="61" t="s">
        <v>81</v>
      </c>
    </row>
    <row r="99" spans="1:44" ht="14.1" customHeight="1" thickTop="1" thickBot="1" x14ac:dyDescent="0.2">
      <c r="A99" s="407" t="s">
        <v>75</v>
      </c>
      <c r="B99" s="408"/>
      <c r="C99" s="70">
        <v>42693</v>
      </c>
      <c r="D99" s="66" t="s">
        <v>51</v>
      </c>
      <c r="E99" s="70">
        <v>41997</v>
      </c>
      <c r="F99" s="66" t="s">
        <v>51</v>
      </c>
      <c r="G99" s="80">
        <v>35063</v>
      </c>
      <c r="H99" s="69" t="s">
        <v>51</v>
      </c>
      <c r="I99" s="70">
        <v>49373</v>
      </c>
      <c r="J99" s="66" t="s">
        <v>51</v>
      </c>
      <c r="K99" s="70">
        <v>42693</v>
      </c>
      <c r="L99" s="71" t="s">
        <v>51</v>
      </c>
      <c r="M99" s="70">
        <v>15129</v>
      </c>
      <c r="N99" s="72" t="s">
        <v>72</v>
      </c>
      <c r="O99" s="70">
        <v>15672</v>
      </c>
      <c r="P99" s="72" t="s">
        <v>51</v>
      </c>
      <c r="Q99" s="80">
        <v>14424</v>
      </c>
      <c r="R99" s="69" t="s">
        <v>81</v>
      </c>
      <c r="S99" s="70">
        <v>15647</v>
      </c>
      <c r="T99" s="72" t="s">
        <v>51</v>
      </c>
      <c r="U99" s="70">
        <v>15130</v>
      </c>
      <c r="V99" s="73" t="s">
        <v>51</v>
      </c>
      <c r="W99" s="407" t="s">
        <v>75</v>
      </c>
      <c r="X99" s="408"/>
      <c r="Y99" s="70">
        <v>7293</v>
      </c>
      <c r="Z99" s="72" t="s">
        <v>51</v>
      </c>
      <c r="AA99" s="70">
        <v>6983</v>
      </c>
      <c r="AB99" s="72" t="s">
        <v>51</v>
      </c>
      <c r="AC99" s="80">
        <v>7402</v>
      </c>
      <c r="AD99" s="69" t="s">
        <v>51</v>
      </c>
      <c r="AE99" s="70">
        <v>7200</v>
      </c>
      <c r="AF99" s="72" t="s">
        <v>51</v>
      </c>
      <c r="AG99" s="70">
        <v>7293</v>
      </c>
      <c r="AH99" s="73" t="s">
        <v>51</v>
      </c>
      <c r="AI99" s="70">
        <v>17713</v>
      </c>
      <c r="AJ99" s="72" t="s">
        <v>81</v>
      </c>
      <c r="AK99" s="70">
        <v>17644</v>
      </c>
      <c r="AL99" s="72" t="s">
        <v>81</v>
      </c>
      <c r="AM99" s="80">
        <v>16295</v>
      </c>
      <c r="AN99" s="69" t="s">
        <v>51</v>
      </c>
      <c r="AO99" s="70">
        <v>18808</v>
      </c>
      <c r="AP99" s="72" t="s">
        <v>81</v>
      </c>
      <c r="AQ99" s="70">
        <v>17713</v>
      </c>
      <c r="AR99" s="73" t="s">
        <v>81</v>
      </c>
    </row>
    <row r="100" spans="1:44" ht="14.1" customHeight="1" x14ac:dyDescent="0.15">
      <c r="A100" s="413" t="s">
        <v>88</v>
      </c>
      <c r="B100" s="413"/>
      <c r="C100" s="413"/>
      <c r="D100" s="413"/>
      <c r="E100" s="413"/>
      <c r="F100" s="413"/>
      <c r="G100" s="413"/>
      <c r="H100" s="413"/>
      <c r="I100" s="413"/>
      <c r="J100" s="413"/>
      <c r="K100" s="413"/>
      <c r="L100" s="413"/>
      <c r="M100" s="413"/>
      <c r="N100" s="413"/>
      <c r="O100" s="413"/>
      <c r="P100" s="413"/>
      <c r="Q100" s="413"/>
      <c r="R100" s="413"/>
      <c r="S100" s="413"/>
      <c r="T100" s="413"/>
      <c r="U100" s="413"/>
      <c r="V100" s="413"/>
      <c r="W100" s="413" t="s">
        <v>88</v>
      </c>
      <c r="X100" s="413"/>
      <c r="Y100" s="413"/>
      <c r="Z100" s="413"/>
      <c r="AA100" s="413"/>
      <c r="AB100" s="413"/>
      <c r="AC100" s="413"/>
      <c r="AD100" s="413"/>
      <c r="AE100" s="413"/>
      <c r="AF100" s="413"/>
      <c r="AG100" s="413"/>
      <c r="AH100" s="413"/>
      <c r="AI100" s="413"/>
      <c r="AJ100" s="413"/>
      <c r="AK100" s="413"/>
      <c r="AL100" s="413"/>
      <c r="AM100" s="413"/>
      <c r="AN100" s="413"/>
      <c r="AO100" s="413"/>
      <c r="AP100" s="413"/>
      <c r="AQ100" s="413"/>
      <c r="AR100" s="413"/>
    </row>
    <row r="101" spans="1:44" s="2" customFormat="1" ht="21" customHeight="1" x14ac:dyDescent="0.2">
      <c r="A101" s="1" t="s">
        <v>89</v>
      </c>
      <c r="C101" s="3"/>
      <c r="D101" s="3"/>
      <c r="E101" s="3"/>
      <c r="F101" s="3"/>
      <c r="G101" s="75"/>
      <c r="H101" s="75"/>
      <c r="I101" s="3"/>
      <c r="J101" s="3"/>
      <c r="K101" s="81"/>
      <c r="L101" s="3"/>
      <c r="M101" s="82"/>
      <c r="N101" s="3"/>
      <c r="O101" s="3"/>
      <c r="P101" s="3"/>
      <c r="Q101" s="75"/>
      <c r="R101" s="75"/>
      <c r="S101" s="3"/>
      <c r="T101" s="3"/>
      <c r="U101" s="3"/>
      <c r="V101" s="3"/>
      <c r="W101" s="1" t="s">
        <v>90</v>
      </c>
      <c r="X101" s="3"/>
      <c r="Y101" s="3"/>
      <c r="Z101" s="3"/>
      <c r="AA101" s="3"/>
      <c r="AB101" s="3"/>
      <c r="AC101" s="75"/>
      <c r="AD101" s="75"/>
      <c r="AE101" s="3"/>
      <c r="AF101" s="3"/>
      <c r="AG101" s="3"/>
      <c r="AH101" s="3"/>
      <c r="AI101" s="3"/>
      <c r="AJ101" s="3"/>
      <c r="AK101" s="3"/>
      <c r="AL101" s="3"/>
      <c r="AM101" s="75"/>
      <c r="AN101" s="75"/>
      <c r="AO101" s="3"/>
      <c r="AP101" s="3"/>
      <c r="AQ101" s="3"/>
      <c r="AR101" s="3"/>
    </row>
    <row r="102" spans="1:44" s="2" customFormat="1" ht="7.5" customHeight="1" thickBot="1" x14ac:dyDescent="0.25">
      <c r="A102" s="5"/>
      <c r="C102" s="3"/>
      <c r="D102" s="3"/>
      <c r="E102" s="3"/>
      <c r="F102" s="3"/>
      <c r="G102" s="75"/>
      <c r="H102" s="75"/>
      <c r="I102" s="3"/>
      <c r="J102" s="3"/>
      <c r="K102" s="3"/>
      <c r="L102" s="3"/>
      <c r="M102" s="3"/>
      <c r="N102" s="3"/>
      <c r="O102" s="3"/>
      <c r="P102" s="3"/>
      <c r="Q102" s="75"/>
      <c r="R102" s="75"/>
      <c r="S102" s="3"/>
      <c r="T102" s="3"/>
      <c r="U102" s="3"/>
      <c r="V102" s="3"/>
      <c r="W102" s="3"/>
      <c r="X102" s="3"/>
      <c r="Y102" s="3"/>
      <c r="Z102" s="3"/>
      <c r="AA102" s="3"/>
      <c r="AB102" s="3"/>
      <c r="AC102" s="75"/>
      <c r="AD102" s="75"/>
      <c r="AE102" s="3"/>
      <c r="AF102" s="3"/>
      <c r="AG102" s="3"/>
      <c r="AH102" s="3"/>
      <c r="AI102" s="3"/>
      <c r="AJ102" s="3"/>
      <c r="AK102" s="3"/>
      <c r="AL102" s="3"/>
      <c r="AM102" s="75"/>
      <c r="AN102" s="75"/>
      <c r="AO102" s="3"/>
      <c r="AP102" s="3"/>
      <c r="AQ102" s="3"/>
      <c r="AR102" s="6"/>
    </row>
    <row r="103" spans="1:44" ht="10.8" x14ac:dyDescent="0.15">
      <c r="A103" s="386" t="s">
        <v>3</v>
      </c>
      <c r="B103" s="387"/>
      <c r="C103" s="392" t="s">
        <v>4</v>
      </c>
      <c r="D103" s="393"/>
      <c r="E103" s="393"/>
      <c r="F103" s="393"/>
      <c r="G103" s="393"/>
      <c r="H103" s="393"/>
      <c r="I103" s="393"/>
      <c r="J103" s="393"/>
      <c r="K103" s="393"/>
      <c r="L103" s="393"/>
      <c r="M103" s="394" t="s">
        <v>5</v>
      </c>
      <c r="N103" s="393"/>
      <c r="O103" s="393"/>
      <c r="P103" s="393"/>
      <c r="Q103" s="393"/>
      <c r="R103" s="393"/>
      <c r="S103" s="393"/>
      <c r="T103" s="393"/>
      <c r="U103" s="393"/>
      <c r="V103" s="395"/>
      <c r="W103" s="386" t="s">
        <v>3</v>
      </c>
      <c r="X103" s="387"/>
      <c r="Y103" s="392" t="s">
        <v>6</v>
      </c>
      <c r="Z103" s="393"/>
      <c r="AA103" s="393"/>
      <c r="AB103" s="393"/>
      <c r="AC103" s="393"/>
      <c r="AD103" s="393"/>
      <c r="AE103" s="393"/>
      <c r="AF103" s="393"/>
      <c r="AG103" s="393"/>
      <c r="AH103" s="395"/>
      <c r="AI103" s="393" t="s">
        <v>7</v>
      </c>
      <c r="AJ103" s="393"/>
      <c r="AK103" s="393"/>
      <c r="AL103" s="393"/>
      <c r="AM103" s="393"/>
      <c r="AN103" s="393"/>
      <c r="AO103" s="393"/>
      <c r="AP103" s="393"/>
      <c r="AQ103" s="393"/>
      <c r="AR103" s="395"/>
    </row>
    <row r="104" spans="1:44" ht="10.5" customHeight="1" x14ac:dyDescent="0.15">
      <c r="A104" s="388"/>
      <c r="B104" s="389"/>
      <c r="C104" s="399" t="s">
        <v>9</v>
      </c>
      <c r="D104" s="400"/>
      <c r="E104" s="399" t="s">
        <v>10</v>
      </c>
      <c r="F104" s="400"/>
      <c r="G104" s="401" t="s">
        <v>12</v>
      </c>
      <c r="H104" s="402"/>
      <c r="I104" s="399" t="s">
        <v>12</v>
      </c>
      <c r="J104" s="400"/>
      <c r="K104" s="399" t="s">
        <v>13</v>
      </c>
      <c r="L104" s="403"/>
      <c r="M104" s="399" t="s">
        <v>9</v>
      </c>
      <c r="N104" s="400"/>
      <c r="O104" s="399" t="s">
        <v>14</v>
      </c>
      <c r="P104" s="400"/>
      <c r="Q104" s="401" t="s">
        <v>12</v>
      </c>
      <c r="R104" s="402"/>
      <c r="S104" s="399" t="s">
        <v>12</v>
      </c>
      <c r="T104" s="400"/>
      <c r="U104" s="399" t="s">
        <v>13</v>
      </c>
      <c r="V104" s="403"/>
      <c r="W104" s="388"/>
      <c r="X104" s="389"/>
      <c r="Y104" s="399" t="s">
        <v>9</v>
      </c>
      <c r="Z104" s="400"/>
      <c r="AA104" s="399" t="s">
        <v>10</v>
      </c>
      <c r="AB104" s="400"/>
      <c r="AC104" s="401" t="s">
        <v>80</v>
      </c>
      <c r="AD104" s="402"/>
      <c r="AE104" s="399" t="s">
        <v>12</v>
      </c>
      <c r="AF104" s="400"/>
      <c r="AG104" s="399" t="s">
        <v>13</v>
      </c>
      <c r="AH104" s="403"/>
      <c r="AI104" s="399" t="s">
        <v>9</v>
      </c>
      <c r="AJ104" s="400"/>
      <c r="AK104" s="399" t="s">
        <v>10</v>
      </c>
      <c r="AL104" s="400"/>
      <c r="AM104" s="401" t="s">
        <v>80</v>
      </c>
      <c r="AN104" s="402"/>
      <c r="AO104" s="399" t="s">
        <v>12</v>
      </c>
      <c r="AP104" s="400"/>
      <c r="AQ104" s="399" t="s">
        <v>13</v>
      </c>
      <c r="AR104" s="403"/>
    </row>
    <row r="105" spans="1:44" ht="10.5" customHeight="1" thickBot="1" x14ac:dyDescent="0.2">
      <c r="A105" s="390"/>
      <c r="B105" s="391"/>
      <c r="C105" s="8" t="s">
        <v>91</v>
      </c>
      <c r="D105" s="9" t="s">
        <v>16</v>
      </c>
      <c r="E105" s="8" t="s">
        <v>91</v>
      </c>
      <c r="F105" s="10" t="s">
        <v>16</v>
      </c>
      <c r="G105" s="11" t="s">
        <v>91</v>
      </c>
      <c r="H105" s="12" t="s">
        <v>16</v>
      </c>
      <c r="I105" s="8" t="s">
        <v>91</v>
      </c>
      <c r="J105" s="9" t="s">
        <v>16</v>
      </c>
      <c r="K105" s="8" t="s">
        <v>91</v>
      </c>
      <c r="L105" s="13" t="s">
        <v>16</v>
      </c>
      <c r="M105" s="8" t="s">
        <v>91</v>
      </c>
      <c r="N105" s="9" t="s">
        <v>16</v>
      </c>
      <c r="O105" s="8" t="s">
        <v>91</v>
      </c>
      <c r="P105" s="10" t="s">
        <v>16</v>
      </c>
      <c r="Q105" s="11" t="s">
        <v>91</v>
      </c>
      <c r="R105" s="12" t="s">
        <v>16</v>
      </c>
      <c r="S105" s="8" t="s">
        <v>91</v>
      </c>
      <c r="T105" s="9" t="s">
        <v>16</v>
      </c>
      <c r="U105" s="8" t="s">
        <v>91</v>
      </c>
      <c r="V105" s="13" t="s">
        <v>16</v>
      </c>
      <c r="W105" s="390"/>
      <c r="X105" s="391"/>
      <c r="Y105" s="8" t="s">
        <v>91</v>
      </c>
      <c r="Z105" s="9" t="s">
        <v>16</v>
      </c>
      <c r="AA105" s="8" t="s">
        <v>91</v>
      </c>
      <c r="AB105" s="10" t="s">
        <v>16</v>
      </c>
      <c r="AC105" s="11" t="s">
        <v>91</v>
      </c>
      <c r="AD105" s="12" t="s">
        <v>16</v>
      </c>
      <c r="AE105" s="8" t="s">
        <v>91</v>
      </c>
      <c r="AF105" s="9" t="s">
        <v>16</v>
      </c>
      <c r="AG105" s="8" t="s">
        <v>91</v>
      </c>
      <c r="AH105" s="13" t="s">
        <v>16</v>
      </c>
      <c r="AI105" s="8" t="s">
        <v>91</v>
      </c>
      <c r="AJ105" s="9" t="s">
        <v>16</v>
      </c>
      <c r="AK105" s="8" t="s">
        <v>91</v>
      </c>
      <c r="AL105" s="10" t="s">
        <v>16</v>
      </c>
      <c r="AM105" s="11" t="s">
        <v>91</v>
      </c>
      <c r="AN105" s="12" t="s">
        <v>16</v>
      </c>
      <c r="AO105" s="8" t="s">
        <v>91</v>
      </c>
      <c r="AP105" s="9" t="s">
        <v>16</v>
      </c>
      <c r="AQ105" s="8" t="s">
        <v>91</v>
      </c>
      <c r="AR105" s="13" t="s">
        <v>16</v>
      </c>
    </row>
    <row r="106" spans="1:44" ht="14.1" customHeight="1" thickTop="1" x14ac:dyDescent="0.15">
      <c r="A106" s="83">
        <v>1</v>
      </c>
      <c r="B106" s="15" t="s">
        <v>17</v>
      </c>
      <c r="C106" s="84">
        <v>14.282999999999999</v>
      </c>
      <c r="D106" s="16">
        <v>27</v>
      </c>
      <c r="E106" s="84">
        <v>20.282</v>
      </c>
      <c r="F106" s="16">
        <v>3</v>
      </c>
      <c r="G106" s="85">
        <v>16.375</v>
      </c>
      <c r="H106" s="17">
        <v>24</v>
      </c>
      <c r="I106" s="84">
        <v>12.827</v>
      </c>
      <c r="J106" s="16">
        <v>27</v>
      </c>
      <c r="K106" s="84">
        <v>14.287000000000001</v>
      </c>
      <c r="L106" s="18">
        <v>27</v>
      </c>
      <c r="M106" s="84">
        <v>1.548</v>
      </c>
      <c r="N106" s="16">
        <v>6</v>
      </c>
      <c r="O106" s="84">
        <v>1.5580000000000001</v>
      </c>
      <c r="P106" s="16">
        <v>11</v>
      </c>
      <c r="Q106" s="85">
        <v>1.51</v>
      </c>
      <c r="R106" s="17">
        <v>8</v>
      </c>
      <c r="S106" s="84">
        <v>1.5740000000000001</v>
      </c>
      <c r="T106" s="16">
        <v>4</v>
      </c>
      <c r="U106" s="84">
        <v>1.548</v>
      </c>
      <c r="V106" s="18">
        <v>6</v>
      </c>
      <c r="W106" s="14">
        <v>1</v>
      </c>
      <c r="X106" s="16" t="s">
        <v>17</v>
      </c>
      <c r="Y106" s="84">
        <v>1.7669999999999999</v>
      </c>
      <c r="Z106" s="16">
        <v>20</v>
      </c>
      <c r="AA106" s="84">
        <v>1.7390000000000001</v>
      </c>
      <c r="AB106" s="16">
        <v>15</v>
      </c>
      <c r="AC106" s="85">
        <v>1.748</v>
      </c>
      <c r="AD106" s="17">
        <v>16</v>
      </c>
      <c r="AE106" s="84">
        <v>1.7829999999999999</v>
      </c>
      <c r="AF106" s="16">
        <v>21</v>
      </c>
      <c r="AG106" s="84">
        <v>1.7669999999999999</v>
      </c>
      <c r="AH106" s="18">
        <v>20</v>
      </c>
      <c r="AI106" s="84">
        <v>1.821</v>
      </c>
      <c r="AJ106" s="16">
        <v>17</v>
      </c>
      <c r="AK106" s="84">
        <v>1.901</v>
      </c>
      <c r="AL106" s="16">
        <v>5</v>
      </c>
      <c r="AM106" s="85">
        <v>1.825</v>
      </c>
      <c r="AN106" s="17">
        <v>21</v>
      </c>
      <c r="AO106" s="84">
        <v>1.819</v>
      </c>
      <c r="AP106" s="19">
        <v>13</v>
      </c>
      <c r="AQ106" s="84">
        <v>1.821</v>
      </c>
      <c r="AR106" s="20">
        <v>16</v>
      </c>
    </row>
    <row r="107" spans="1:44" ht="14.1" customHeight="1" x14ac:dyDescent="0.15">
      <c r="A107" s="21">
        <v>2</v>
      </c>
      <c r="B107" s="15" t="s">
        <v>18</v>
      </c>
      <c r="C107" s="84">
        <v>14.157</v>
      </c>
      <c r="D107" s="16">
        <v>28</v>
      </c>
      <c r="E107" s="84">
        <v>15.635999999999999</v>
      </c>
      <c r="F107" s="16">
        <v>6</v>
      </c>
      <c r="G107" s="85">
        <v>15.387</v>
      </c>
      <c r="H107" s="17">
        <v>31</v>
      </c>
      <c r="I107" s="84">
        <v>13.265000000000001</v>
      </c>
      <c r="J107" s="16">
        <v>23</v>
      </c>
      <c r="K107" s="84">
        <v>14.157999999999999</v>
      </c>
      <c r="L107" s="18">
        <v>28</v>
      </c>
      <c r="M107" s="84">
        <v>1.5629999999999999</v>
      </c>
      <c r="N107" s="16">
        <v>1</v>
      </c>
      <c r="O107" s="84">
        <v>1.6659999999999999</v>
      </c>
      <c r="P107" s="16">
        <v>6</v>
      </c>
      <c r="Q107" s="85">
        <v>1.496</v>
      </c>
      <c r="R107" s="17">
        <v>11</v>
      </c>
      <c r="S107" s="84">
        <v>1.62</v>
      </c>
      <c r="T107" s="16">
        <v>1</v>
      </c>
      <c r="U107" s="84">
        <v>1.5629999999999999</v>
      </c>
      <c r="V107" s="18">
        <v>1</v>
      </c>
      <c r="W107" s="21">
        <v>2</v>
      </c>
      <c r="X107" s="16" t="s">
        <v>18</v>
      </c>
      <c r="Y107" s="84">
        <v>1.772</v>
      </c>
      <c r="Z107" s="16">
        <v>17</v>
      </c>
      <c r="AA107" s="84">
        <v>1.869</v>
      </c>
      <c r="AB107" s="16">
        <v>6</v>
      </c>
      <c r="AC107" s="85">
        <v>1.7529999999999999</v>
      </c>
      <c r="AD107" s="17">
        <v>13</v>
      </c>
      <c r="AE107" s="84">
        <v>1.792</v>
      </c>
      <c r="AF107" s="16">
        <v>17</v>
      </c>
      <c r="AG107" s="84">
        <v>1.772</v>
      </c>
      <c r="AH107" s="18">
        <v>17</v>
      </c>
      <c r="AI107" s="84">
        <v>1.845</v>
      </c>
      <c r="AJ107" s="16">
        <v>12</v>
      </c>
      <c r="AK107" s="84">
        <v>1.9239999999999999</v>
      </c>
      <c r="AL107" s="16">
        <v>4</v>
      </c>
      <c r="AM107" s="85">
        <v>1.7909999999999999</v>
      </c>
      <c r="AN107" s="17">
        <v>28</v>
      </c>
      <c r="AO107" s="84">
        <v>1.893</v>
      </c>
      <c r="AP107" s="19">
        <v>4</v>
      </c>
      <c r="AQ107" s="84">
        <v>1.845</v>
      </c>
      <c r="AR107" s="20">
        <v>12</v>
      </c>
    </row>
    <row r="108" spans="1:44" ht="14.1" customHeight="1" x14ac:dyDescent="0.15">
      <c r="A108" s="21">
        <v>3</v>
      </c>
      <c r="B108" s="15" t="s">
        <v>19</v>
      </c>
      <c r="C108" s="84">
        <v>13.997</v>
      </c>
      <c r="D108" s="16">
        <v>30</v>
      </c>
      <c r="E108" s="84">
        <v>10</v>
      </c>
      <c r="F108" s="16">
        <v>9</v>
      </c>
      <c r="G108" s="85">
        <v>16.024000000000001</v>
      </c>
      <c r="H108" s="17">
        <v>27</v>
      </c>
      <c r="I108" s="84">
        <v>12.750999999999999</v>
      </c>
      <c r="J108" s="16">
        <v>29</v>
      </c>
      <c r="K108" s="84">
        <v>13.994999999999999</v>
      </c>
      <c r="L108" s="18">
        <v>30</v>
      </c>
      <c r="M108" s="84">
        <v>1.5529999999999999</v>
      </c>
      <c r="N108" s="16">
        <v>5</v>
      </c>
      <c r="O108" s="84">
        <v>1.5129999999999999</v>
      </c>
      <c r="P108" s="16">
        <v>14</v>
      </c>
      <c r="Q108" s="85">
        <v>1.5029999999999999</v>
      </c>
      <c r="R108" s="17">
        <v>9</v>
      </c>
      <c r="S108" s="84">
        <v>1.5820000000000001</v>
      </c>
      <c r="T108" s="16">
        <v>2</v>
      </c>
      <c r="U108" s="84">
        <v>1.5529999999999999</v>
      </c>
      <c r="V108" s="18">
        <v>5</v>
      </c>
      <c r="W108" s="21">
        <v>3</v>
      </c>
      <c r="X108" s="16" t="s">
        <v>19</v>
      </c>
      <c r="Y108" s="84">
        <v>1.734</v>
      </c>
      <c r="Z108" s="16">
        <v>25</v>
      </c>
      <c r="AA108" s="84">
        <v>1.6359999999999999</v>
      </c>
      <c r="AB108" s="16">
        <v>20</v>
      </c>
      <c r="AC108" s="85">
        <v>1.7190000000000001</v>
      </c>
      <c r="AD108" s="17">
        <v>23</v>
      </c>
      <c r="AE108" s="84">
        <v>1.7430000000000001</v>
      </c>
      <c r="AF108" s="16">
        <v>28</v>
      </c>
      <c r="AG108" s="84">
        <v>1.7330000000000001</v>
      </c>
      <c r="AH108" s="18">
        <v>25</v>
      </c>
      <c r="AI108" s="84">
        <v>1.81</v>
      </c>
      <c r="AJ108" s="16">
        <v>21</v>
      </c>
      <c r="AK108" s="84">
        <v>1.645</v>
      </c>
      <c r="AL108" s="16">
        <v>13</v>
      </c>
      <c r="AM108" s="85">
        <v>1.8140000000000001</v>
      </c>
      <c r="AN108" s="17">
        <v>23</v>
      </c>
      <c r="AO108" s="84">
        <v>1.8069999999999999</v>
      </c>
      <c r="AP108" s="19">
        <v>18</v>
      </c>
      <c r="AQ108" s="84">
        <v>1.81</v>
      </c>
      <c r="AR108" s="20">
        <v>21</v>
      </c>
    </row>
    <row r="109" spans="1:44" ht="14.1" customHeight="1" x14ac:dyDescent="0.15">
      <c r="A109" s="21">
        <v>4</v>
      </c>
      <c r="B109" s="15" t="s">
        <v>20</v>
      </c>
      <c r="C109" s="84">
        <v>15.477</v>
      </c>
      <c r="D109" s="16">
        <v>13</v>
      </c>
      <c r="E109" s="84">
        <v>9.9090000000000007</v>
      </c>
      <c r="F109" s="16">
        <v>11</v>
      </c>
      <c r="G109" s="85">
        <v>17.425000000000001</v>
      </c>
      <c r="H109" s="17">
        <v>16</v>
      </c>
      <c r="I109" s="84">
        <v>14.202999999999999</v>
      </c>
      <c r="J109" s="16">
        <v>10</v>
      </c>
      <c r="K109" s="84">
        <v>15.472</v>
      </c>
      <c r="L109" s="18">
        <v>14</v>
      </c>
      <c r="M109" s="84">
        <v>1.554</v>
      </c>
      <c r="N109" s="16">
        <v>4</v>
      </c>
      <c r="O109" s="84">
        <v>1.611</v>
      </c>
      <c r="P109" s="16">
        <v>7</v>
      </c>
      <c r="Q109" s="85">
        <v>1.536</v>
      </c>
      <c r="R109" s="17">
        <v>3</v>
      </c>
      <c r="S109" s="84">
        <v>1.5660000000000001</v>
      </c>
      <c r="T109" s="16">
        <v>6</v>
      </c>
      <c r="U109" s="84">
        <v>1.554</v>
      </c>
      <c r="V109" s="18">
        <v>4</v>
      </c>
      <c r="W109" s="21">
        <v>4</v>
      </c>
      <c r="X109" s="16" t="s">
        <v>20</v>
      </c>
      <c r="Y109" s="84">
        <v>1.7789999999999999</v>
      </c>
      <c r="Z109" s="16">
        <v>14</v>
      </c>
      <c r="AA109" s="84">
        <v>1.8129999999999999</v>
      </c>
      <c r="AB109" s="16">
        <v>10</v>
      </c>
      <c r="AC109" s="85">
        <v>1.75</v>
      </c>
      <c r="AD109" s="17">
        <v>14</v>
      </c>
      <c r="AE109" s="84">
        <v>1.8009999999999999</v>
      </c>
      <c r="AF109" s="16">
        <v>15</v>
      </c>
      <c r="AG109" s="84">
        <v>1.7789999999999999</v>
      </c>
      <c r="AH109" s="18">
        <v>14</v>
      </c>
      <c r="AI109" s="84">
        <v>1.873</v>
      </c>
      <c r="AJ109" s="16">
        <v>6</v>
      </c>
      <c r="AK109" s="84">
        <v>1.8959999999999999</v>
      </c>
      <c r="AL109" s="16">
        <v>6</v>
      </c>
      <c r="AM109" s="85">
        <v>1.895</v>
      </c>
      <c r="AN109" s="17">
        <v>11</v>
      </c>
      <c r="AO109" s="84">
        <v>1.8580000000000001</v>
      </c>
      <c r="AP109" s="19">
        <v>7</v>
      </c>
      <c r="AQ109" s="84">
        <v>1.873</v>
      </c>
      <c r="AR109" s="20">
        <v>6</v>
      </c>
    </row>
    <row r="110" spans="1:44" ht="14.1" customHeight="1" x14ac:dyDescent="0.15">
      <c r="A110" s="21">
        <v>5</v>
      </c>
      <c r="B110" s="15" t="s">
        <v>21</v>
      </c>
      <c r="C110" s="84">
        <v>14.302</v>
      </c>
      <c r="D110" s="16">
        <v>26</v>
      </c>
      <c r="E110" s="84">
        <v>9.2219999999999995</v>
      </c>
      <c r="F110" s="16">
        <v>12</v>
      </c>
      <c r="G110" s="85">
        <v>16.937999999999999</v>
      </c>
      <c r="H110" s="17">
        <v>22</v>
      </c>
      <c r="I110" s="84">
        <v>12.587999999999999</v>
      </c>
      <c r="J110" s="16">
        <v>31</v>
      </c>
      <c r="K110" s="84">
        <v>14.295999999999999</v>
      </c>
      <c r="L110" s="18">
        <v>26</v>
      </c>
      <c r="M110" s="84">
        <v>1.4930000000000001</v>
      </c>
      <c r="N110" s="16">
        <v>18</v>
      </c>
      <c r="O110" s="84">
        <v>1.379</v>
      </c>
      <c r="P110" s="16">
        <v>18</v>
      </c>
      <c r="Q110" s="85">
        <v>1.5109999999999999</v>
      </c>
      <c r="R110" s="17">
        <v>6</v>
      </c>
      <c r="S110" s="84">
        <v>1.48</v>
      </c>
      <c r="T110" s="16">
        <v>23</v>
      </c>
      <c r="U110" s="84">
        <v>1.4930000000000001</v>
      </c>
      <c r="V110" s="18">
        <v>18</v>
      </c>
      <c r="W110" s="21">
        <v>5</v>
      </c>
      <c r="X110" s="16" t="s">
        <v>21</v>
      </c>
      <c r="Y110" s="84">
        <v>1.696</v>
      </c>
      <c r="Z110" s="16">
        <v>32</v>
      </c>
      <c r="AA110" s="84">
        <v>1.659</v>
      </c>
      <c r="AB110" s="16">
        <v>19</v>
      </c>
      <c r="AC110" s="85">
        <v>1.661</v>
      </c>
      <c r="AD110" s="17">
        <v>30</v>
      </c>
      <c r="AE110" s="84">
        <v>1.724</v>
      </c>
      <c r="AF110" s="16">
        <v>31</v>
      </c>
      <c r="AG110" s="84">
        <v>1.696</v>
      </c>
      <c r="AH110" s="18">
        <v>32</v>
      </c>
      <c r="AI110" s="84">
        <v>1.7509999999999999</v>
      </c>
      <c r="AJ110" s="16">
        <v>32</v>
      </c>
      <c r="AK110" s="84">
        <v>1.569</v>
      </c>
      <c r="AL110" s="16">
        <v>16</v>
      </c>
      <c r="AM110" s="85">
        <v>1.792</v>
      </c>
      <c r="AN110" s="17">
        <v>27</v>
      </c>
      <c r="AO110" s="84">
        <v>1.722</v>
      </c>
      <c r="AP110" s="19">
        <v>31</v>
      </c>
      <c r="AQ110" s="84">
        <v>1.7509999999999999</v>
      </c>
      <c r="AR110" s="20">
        <v>32</v>
      </c>
    </row>
    <row r="111" spans="1:44" ht="14.1" customHeight="1" x14ac:dyDescent="0.15">
      <c r="A111" s="21">
        <v>6</v>
      </c>
      <c r="B111" s="15" t="s">
        <v>22</v>
      </c>
      <c r="C111" s="84">
        <v>14.997</v>
      </c>
      <c r="D111" s="16">
        <v>20</v>
      </c>
      <c r="E111" s="84">
        <v>25.713999999999999</v>
      </c>
      <c r="F111" s="16">
        <v>1</v>
      </c>
      <c r="G111" s="85">
        <v>17.420999999999999</v>
      </c>
      <c r="H111" s="17">
        <v>17</v>
      </c>
      <c r="I111" s="84">
        <v>13.172000000000001</v>
      </c>
      <c r="J111" s="16">
        <v>24</v>
      </c>
      <c r="K111" s="84">
        <v>15.000999999999999</v>
      </c>
      <c r="L111" s="18">
        <v>21</v>
      </c>
      <c r="M111" s="84">
        <v>1.5249999999999999</v>
      </c>
      <c r="N111" s="16">
        <v>11</v>
      </c>
      <c r="O111" s="84">
        <v>1.5329999999999999</v>
      </c>
      <c r="P111" s="16">
        <v>12</v>
      </c>
      <c r="Q111" s="85">
        <v>1.4930000000000001</v>
      </c>
      <c r="R111" s="17">
        <v>13</v>
      </c>
      <c r="S111" s="84">
        <v>1.548</v>
      </c>
      <c r="T111" s="16">
        <v>11</v>
      </c>
      <c r="U111" s="84">
        <v>1.5249999999999999</v>
      </c>
      <c r="V111" s="18">
        <v>11</v>
      </c>
      <c r="W111" s="21">
        <v>6</v>
      </c>
      <c r="X111" s="16" t="s">
        <v>22</v>
      </c>
      <c r="Y111" s="84">
        <v>1.71</v>
      </c>
      <c r="Z111" s="16">
        <v>30</v>
      </c>
      <c r="AA111" s="84">
        <v>1.5860000000000001</v>
      </c>
      <c r="AB111" s="16">
        <v>24</v>
      </c>
      <c r="AC111" s="85">
        <v>1.677</v>
      </c>
      <c r="AD111" s="17">
        <v>27</v>
      </c>
      <c r="AE111" s="84">
        <v>1.7370000000000001</v>
      </c>
      <c r="AF111" s="16">
        <v>29</v>
      </c>
      <c r="AG111" s="84">
        <v>1.7090000000000001</v>
      </c>
      <c r="AH111" s="18">
        <v>30</v>
      </c>
      <c r="AI111" s="84">
        <v>1.794</v>
      </c>
      <c r="AJ111" s="16">
        <v>25</v>
      </c>
      <c r="AK111" s="84">
        <v>1.7789999999999999</v>
      </c>
      <c r="AL111" s="16">
        <v>7</v>
      </c>
      <c r="AM111" s="85">
        <v>1.8140000000000001</v>
      </c>
      <c r="AN111" s="17">
        <v>23</v>
      </c>
      <c r="AO111" s="84">
        <v>1.78</v>
      </c>
      <c r="AP111" s="19">
        <v>22</v>
      </c>
      <c r="AQ111" s="84">
        <v>1.794</v>
      </c>
      <c r="AR111" s="20">
        <v>25</v>
      </c>
    </row>
    <row r="112" spans="1:44" ht="14.1" customHeight="1" x14ac:dyDescent="0.15">
      <c r="A112" s="21">
        <v>7</v>
      </c>
      <c r="B112" s="15" t="s">
        <v>23</v>
      </c>
      <c r="C112" s="84">
        <v>16.800999999999998</v>
      </c>
      <c r="D112" s="16">
        <v>5</v>
      </c>
      <c r="E112" s="84">
        <v>4</v>
      </c>
      <c r="F112" s="16">
        <v>15</v>
      </c>
      <c r="G112" s="85">
        <v>19.271999999999998</v>
      </c>
      <c r="H112" s="17">
        <v>6</v>
      </c>
      <c r="I112" s="84">
        <v>15.102</v>
      </c>
      <c r="J112" s="16">
        <v>6</v>
      </c>
      <c r="K112" s="84">
        <v>16.797000000000001</v>
      </c>
      <c r="L112" s="18">
        <v>5</v>
      </c>
      <c r="M112" s="84">
        <v>1.556</v>
      </c>
      <c r="N112" s="16">
        <v>3</v>
      </c>
      <c r="O112" s="84">
        <v>1.581</v>
      </c>
      <c r="P112" s="16">
        <v>10</v>
      </c>
      <c r="Q112" s="85">
        <v>1.5269999999999999</v>
      </c>
      <c r="R112" s="17">
        <v>5</v>
      </c>
      <c r="S112" s="84">
        <v>1.573</v>
      </c>
      <c r="T112" s="16">
        <v>5</v>
      </c>
      <c r="U112" s="84">
        <v>1.556</v>
      </c>
      <c r="V112" s="18">
        <v>3</v>
      </c>
      <c r="W112" s="21">
        <v>7</v>
      </c>
      <c r="X112" s="16" t="s">
        <v>23</v>
      </c>
      <c r="Y112" s="84">
        <v>1.764</v>
      </c>
      <c r="Z112" s="16">
        <v>21</v>
      </c>
      <c r="AA112" s="84">
        <v>1.861</v>
      </c>
      <c r="AB112" s="16">
        <v>7</v>
      </c>
      <c r="AC112" s="85">
        <v>1.7290000000000001</v>
      </c>
      <c r="AD112" s="17">
        <v>20</v>
      </c>
      <c r="AE112" s="84">
        <v>1.79</v>
      </c>
      <c r="AF112" s="16">
        <v>19</v>
      </c>
      <c r="AG112" s="84">
        <v>1.764</v>
      </c>
      <c r="AH112" s="18">
        <v>21</v>
      </c>
      <c r="AI112" s="84">
        <v>1.9319999999999999</v>
      </c>
      <c r="AJ112" s="16">
        <v>2</v>
      </c>
      <c r="AK112" s="84">
        <v>1.665</v>
      </c>
      <c r="AL112" s="16">
        <v>11</v>
      </c>
      <c r="AM112" s="85">
        <v>1.9850000000000001</v>
      </c>
      <c r="AN112" s="17">
        <v>3</v>
      </c>
      <c r="AO112" s="84">
        <v>1.8979999999999999</v>
      </c>
      <c r="AP112" s="19">
        <v>3</v>
      </c>
      <c r="AQ112" s="84">
        <v>1.931</v>
      </c>
      <c r="AR112" s="20">
        <v>2</v>
      </c>
    </row>
    <row r="113" spans="1:44" ht="14.1" customHeight="1" x14ac:dyDescent="0.15">
      <c r="A113" s="21">
        <v>8</v>
      </c>
      <c r="B113" s="15" t="s">
        <v>24</v>
      </c>
      <c r="C113" s="84">
        <v>14.016</v>
      </c>
      <c r="D113" s="16">
        <v>29</v>
      </c>
      <c r="E113" s="84">
        <v>8.3330000000000002</v>
      </c>
      <c r="F113" s="16">
        <v>13</v>
      </c>
      <c r="G113" s="85">
        <v>16.108000000000001</v>
      </c>
      <c r="H113" s="17">
        <v>26</v>
      </c>
      <c r="I113" s="84">
        <v>12.615</v>
      </c>
      <c r="J113" s="16">
        <v>30</v>
      </c>
      <c r="K113" s="84">
        <v>14.012</v>
      </c>
      <c r="L113" s="18">
        <v>29</v>
      </c>
      <c r="M113" s="84">
        <v>1.4930000000000001</v>
      </c>
      <c r="N113" s="16">
        <v>18</v>
      </c>
      <c r="O113" s="84">
        <v>1.331</v>
      </c>
      <c r="P113" s="16">
        <v>22</v>
      </c>
      <c r="Q113" s="85">
        <v>1.464</v>
      </c>
      <c r="R113" s="17">
        <v>22</v>
      </c>
      <c r="S113" s="84">
        <v>1.5109999999999999</v>
      </c>
      <c r="T113" s="16">
        <v>17</v>
      </c>
      <c r="U113" s="84">
        <v>1.4930000000000001</v>
      </c>
      <c r="V113" s="18">
        <v>18</v>
      </c>
      <c r="W113" s="21">
        <v>8</v>
      </c>
      <c r="X113" s="16" t="s">
        <v>24</v>
      </c>
      <c r="Y113" s="84">
        <v>1.7230000000000001</v>
      </c>
      <c r="Z113" s="16">
        <v>29</v>
      </c>
      <c r="AA113" s="84">
        <v>1.7849999999999999</v>
      </c>
      <c r="AB113" s="16">
        <v>11</v>
      </c>
      <c r="AC113" s="85">
        <v>1.6719999999999999</v>
      </c>
      <c r="AD113" s="17">
        <v>28</v>
      </c>
      <c r="AE113" s="84">
        <v>1.762</v>
      </c>
      <c r="AF113" s="16">
        <v>24</v>
      </c>
      <c r="AG113" s="84">
        <v>1.7230000000000001</v>
      </c>
      <c r="AH113" s="18">
        <v>29</v>
      </c>
      <c r="AI113" s="84">
        <v>1.77</v>
      </c>
      <c r="AJ113" s="16">
        <v>30</v>
      </c>
      <c r="AK113" s="84">
        <v>1.5269999999999999</v>
      </c>
      <c r="AL113" s="16">
        <v>18</v>
      </c>
      <c r="AM113" s="85">
        <v>1.778</v>
      </c>
      <c r="AN113" s="17">
        <v>29</v>
      </c>
      <c r="AO113" s="84">
        <v>1.7649999999999999</v>
      </c>
      <c r="AP113" s="19">
        <v>27</v>
      </c>
      <c r="AQ113" s="84">
        <v>1.77</v>
      </c>
      <c r="AR113" s="20">
        <v>30</v>
      </c>
    </row>
    <row r="114" spans="1:44" ht="14.1" customHeight="1" x14ac:dyDescent="0.15">
      <c r="A114" s="21">
        <v>9</v>
      </c>
      <c r="B114" s="15" t="s">
        <v>25</v>
      </c>
      <c r="C114" s="84">
        <v>15.009</v>
      </c>
      <c r="D114" s="16">
        <v>19</v>
      </c>
      <c r="E114" s="84">
        <v>0</v>
      </c>
      <c r="F114" s="16">
        <v>20</v>
      </c>
      <c r="G114" s="85">
        <v>16.782</v>
      </c>
      <c r="H114" s="17">
        <v>23</v>
      </c>
      <c r="I114" s="84">
        <v>13.788</v>
      </c>
      <c r="J114" s="16">
        <v>17</v>
      </c>
      <c r="K114" s="84">
        <v>15.009</v>
      </c>
      <c r="L114" s="18">
        <v>20</v>
      </c>
      <c r="M114" s="84">
        <v>1.508</v>
      </c>
      <c r="N114" s="16">
        <v>13</v>
      </c>
      <c r="O114" s="84">
        <v>1.605</v>
      </c>
      <c r="P114" s="16">
        <v>8</v>
      </c>
      <c r="Q114" s="85">
        <v>1.462</v>
      </c>
      <c r="R114" s="17">
        <v>23</v>
      </c>
      <c r="S114" s="84">
        <v>1.5389999999999999</v>
      </c>
      <c r="T114" s="16">
        <v>12</v>
      </c>
      <c r="U114" s="84">
        <v>1.508</v>
      </c>
      <c r="V114" s="18">
        <v>13</v>
      </c>
      <c r="W114" s="21">
        <v>9</v>
      </c>
      <c r="X114" s="16" t="s">
        <v>25</v>
      </c>
      <c r="Y114" s="84">
        <v>1.829</v>
      </c>
      <c r="Z114" s="16">
        <v>6</v>
      </c>
      <c r="AA114" s="84">
        <v>1.744</v>
      </c>
      <c r="AB114" s="16">
        <v>14</v>
      </c>
      <c r="AC114" s="85">
        <v>1.764</v>
      </c>
      <c r="AD114" s="17">
        <v>11</v>
      </c>
      <c r="AE114" s="84">
        <v>1.879</v>
      </c>
      <c r="AF114" s="16">
        <v>4</v>
      </c>
      <c r="AG114" s="84">
        <v>1.829</v>
      </c>
      <c r="AH114" s="18">
        <v>6</v>
      </c>
      <c r="AI114" s="84">
        <v>1.8080000000000001</v>
      </c>
      <c r="AJ114" s="16">
        <v>22</v>
      </c>
      <c r="AK114" s="84">
        <v>1.6519999999999999</v>
      </c>
      <c r="AL114" s="16">
        <v>12</v>
      </c>
      <c r="AM114" s="85">
        <v>1.798</v>
      </c>
      <c r="AN114" s="17">
        <v>26</v>
      </c>
      <c r="AO114" s="84">
        <v>1.8149999999999999</v>
      </c>
      <c r="AP114" s="19">
        <v>15</v>
      </c>
      <c r="AQ114" s="84">
        <v>1.8080000000000001</v>
      </c>
      <c r="AR114" s="20">
        <v>22</v>
      </c>
    </row>
    <row r="115" spans="1:44" ht="14.1" customHeight="1" x14ac:dyDescent="0.15">
      <c r="A115" s="21">
        <v>10</v>
      </c>
      <c r="B115" s="15" t="s">
        <v>26</v>
      </c>
      <c r="C115" s="84">
        <v>15.471</v>
      </c>
      <c r="D115" s="16">
        <v>14</v>
      </c>
      <c r="E115" s="84">
        <v>18.902000000000001</v>
      </c>
      <c r="F115" s="16">
        <v>4</v>
      </c>
      <c r="G115" s="85">
        <v>17.661999999999999</v>
      </c>
      <c r="H115" s="17">
        <v>15</v>
      </c>
      <c r="I115" s="84">
        <v>13.911</v>
      </c>
      <c r="J115" s="16">
        <v>16</v>
      </c>
      <c r="K115" s="84">
        <v>15.475</v>
      </c>
      <c r="L115" s="18">
        <v>13</v>
      </c>
      <c r="M115" s="84">
        <v>1.526</v>
      </c>
      <c r="N115" s="16">
        <v>9</v>
      </c>
      <c r="O115" s="84">
        <v>1.732</v>
      </c>
      <c r="P115" s="16">
        <v>4</v>
      </c>
      <c r="Q115" s="85">
        <v>1.492</v>
      </c>
      <c r="R115" s="17">
        <v>14</v>
      </c>
      <c r="S115" s="84">
        <v>1.5489999999999999</v>
      </c>
      <c r="T115" s="16">
        <v>10</v>
      </c>
      <c r="U115" s="84">
        <v>1.526</v>
      </c>
      <c r="V115" s="18">
        <v>9</v>
      </c>
      <c r="W115" s="21">
        <v>10</v>
      </c>
      <c r="X115" s="16" t="s">
        <v>26</v>
      </c>
      <c r="Y115" s="84">
        <v>1.8180000000000001</v>
      </c>
      <c r="Z115" s="16">
        <v>8</v>
      </c>
      <c r="AA115" s="84">
        <v>1.8240000000000001</v>
      </c>
      <c r="AB115" s="16">
        <v>9</v>
      </c>
      <c r="AC115" s="85">
        <v>1.78</v>
      </c>
      <c r="AD115" s="17">
        <v>8</v>
      </c>
      <c r="AE115" s="84">
        <v>1.849</v>
      </c>
      <c r="AF115" s="16">
        <v>9</v>
      </c>
      <c r="AG115" s="84">
        <v>1.8180000000000001</v>
      </c>
      <c r="AH115" s="18">
        <v>8</v>
      </c>
      <c r="AI115" s="84">
        <v>1.87</v>
      </c>
      <c r="AJ115" s="16">
        <v>7</v>
      </c>
      <c r="AK115" s="84">
        <v>2.3250000000000002</v>
      </c>
      <c r="AL115" s="16">
        <v>2</v>
      </c>
      <c r="AM115" s="85">
        <v>1.8819999999999999</v>
      </c>
      <c r="AN115" s="17">
        <v>14</v>
      </c>
      <c r="AO115" s="84">
        <v>1.861</v>
      </c>
      <c r="AP115" s="19">
        <v>5</v>
      </c>
      <c r="AQ115" s="84">
        <v>1.87</v>
      </c>
      <c r="AR115" s="20">
        <v>7</v>
      </c>
    </row>
    <row r="116" spans="1:44" ht="14.1" customHeight="1" x14ac:dyDescent="0.15">
      <c r="A116" s="21">
        <v>11</v>
      </c>
      <c r="B116" s="15" t="s">
        <v>27</v>
      </c>
      <c r="C116" s="84">
        <v>13.315</v>
      </c>
      <c r="D116" s="16">
        <v>33</v>
      </c>
      <c r="E116" s="84">
        <v>2</v>
      </c>
      <c r="F116" s="16">
        <v>17</v>
      </c>
      <c r="G116" s="85">
        <v>15.343</v>
      </c>
      <c r="H116" s="17">
        <v>32</v>
      </c>
      <c r="I116" s="84">
        <v>12.201000000000001</v>
      </c>
      <c r="J116" s="16">
        <v>33</v>
      </c>
      <c r="K116" s="84">
        <v>13.311</v>
      </c>
      <c r="L116" s="18">
        <v>33</v>
      </c>
      <c r="M116" s="84">
        <v>1.526</v>
      </c>
      <c r="N116" s="16">
        <v>9</v>
      </c>
      <c r="O116" s="84">
        <v>1.389</v>
      </c>
      <c r="P116" s="16">
        <v>17</v>
      </c>
      <c r="Q116" s="85">
        <v>1.4730000000000001</v>
      </c>
      <c r="R116" s="17">
        <v>19</v>
      </c>
      <c r="S116" s="84">
        <v>1.5629999999999999</v>
      </c>
      <c r="T116" s="16">
        <v>9</v>
      </c>
      <c r="U116" s="84">
        <v>1.526</v>
      </c>
      <c r="V116" s="18">
        <v>9</v>
      </c>
      <c r="W116" s="21">
        <v>11</v>
      </c>
      <c r="X116" s="16" t="s">
        <v>27</v>
      </c>
      <c r="Y116" s="84">
        <v>1.746</v>
      </c>
      <c r="Z116" s="16">
        <v>23</v>
      </c>
      <c r="AA116" s="84">
        <v>1.6830000000000001</v>
      </c>
      <c r="AB116" s="16">
        <v>18</v>
      </c>
      <c r="AC116" s="85">
        <v>1.728</v>
      </c>
      <c r="AD116" s="17">
        <v>21</v>
      </c>
      <c r="AE116" s="84">
        <v>1.76</v>
      </c>
      <c r="AF116" s="16">
        <v>25</v>
      </c>
      <c r="AG116" s="84">
        <v>1.746</v>
      </c>
      <c r="AH116" s="18">
        <v>23</v>
      </c>
      <c r="AI116" s="84">
        <v>1.8049999999999999</v>
      </c>
      <c r="AJ116" s="16">
        <v>23</v>
      </c>
      <c r="AK116" s="84">
        <v>1.4810000000000001</v>
      </c>
      <c r="AL116" s="16">
        <v>21</v>
      </c>
      <c r="AM116" s="85">
        <v>1.762</v>
      </c>
      <c r="AN116" s="17">
        <v>30</v>
      </c>
      <c r="AO116" s="84">
        <v>1.8340000000000001</v>
      </c>
      <c r="AP116" s="19">
        <v>10</v>
      </c>
      <c r="AQ116" s="84">
        <v>1.804</v>
      </c>
      <c r="AR116" s="20">
        <v>23</v>
      </c>
    </row>
    <row r="117" spans="1:44" ht="14.1" customHeight="1" x14ac:dyDescent="0.15">
      <c r="A117" s="21">
        <v>12</v>
      </c>
      <c r="B117" s="15" t="s">
        <v>28</v>
      </c>
      <c r="C117" s="84">
        <v>15.76</v>
      </c>
      <c r="D117" s="16">
        <v>11</v>
      </c>
      <c r="E117" s="84">
        <v>2</v>
      </c>
      <c r="F117" s="16">
        <v>17</v>
      </c>
      <c r="G117" s="85">
        <v>18.177</v>
      </c>
      <c r="H117" s="17">
        <v>8</v>
      </c>
      <c r="I117" s="84">
        <v>14.337999999999999</v>
      </c>
      <c r="J117" s="16">
        <v>8</v>
      </c>
      <c r="K117" s="84">
        <v>15.757999999999999</v>
      </c>
      <c r="L117" s="18">
        <v>11</v>
      </c>
      <c r="M117" s="84">
        <v>1.4219999999999999</v>
      </c>
      <c r="N117" s="16">
        <v>30</v>
      </c>
      <c r="O117" s="84">
        <v>1.377</v>
      </c>
      <c r="P117" s="16">
        <v>19</v>
      </c>
      <c r="Q117" s="85">
        <v>1.4510000000000001</v>
      </c>
      <c r="R117" s="17">
        <v>26</v>
      </c>
      <c r="S117" s="84">
        <v>1.4059999999999999</v>
      </c>
      <c r="T117" s="16">
        <v>33</v>
      </c>
      <c r="U117" s="84">
        <v>1.4219999999999999</v>
      </c>
      <c r="V117" s="18">
        <v>30</v>
      </c>
      <c r="W117" s="21">
        <v>12</v>
      </c>
      <c r="X117" s="16" t="s">
        <v>28</v>
      </c>
      <c r="Y117" s="84">
        <v>1.833</v>
      </c>
      <c r="Z117" s="16">
        <v>5</v>
      </c>
      <c r="AA117" s="84">
        <v>1.8460000000000001</v>
      </c>
      <c r="AB117" s="16">
        <v>8</v>
      </c>
      <c r="AC117" s="85">
        <v>1.87</v>
      </c>
      <c r="AD117" s="17">
        <v>1</v>
      </c>
      <c r="AE117" s="84">
        <v>1.8080000000000001</v>
      </c>
      <c r="AF117" s="16">
        <v>14</v>
      </c>
      <c r="AG117" s="84">
        <v>1.833</v>
      </c>
      <c r="AH117" s="18">
        <v>5</v>
      </c>
      <c r="AI117" s="84">
        <v>1.8029999999999999</v>
      </c>
      <c r="AJ117" s="16">
        <v>24</v>
      </c>
      <c r="AK117" s="84">
        <v>1.506</v>
      </c>
      <c r="AL117" s="16">
        <v>19</v>
      </c>
      <c r="AM117" s="85">
        <v>1.9</v>
      </c>
      <c r="AN117" s="17">
        <v>10</v>
      </c>
      <c r="AO117" s="84">
        <v>1.748</v>
      </c>
      <c r="AP117" s="19">
        <v>29</v>
      </c>
      <c r="AQ117" s="84">
        <v>1.8029999999999999</v>
      </c>
      <c r="AR117" s="20">
        <v>24</v>
      </c>
    </row>
    <row r="118" spans="1:44" ht="14.1" customHeight="1" x14ac:dyDescent="0.15">
      <c r="A118" s="21">
        <v>13</v>
      </c>
      <c r="B118" s="15" t="s">
        <v>29</v>
      </c>
      <c r="C118" s="84">
        <v>15.061999999999999</v>
      </c>
      <c r="D118" s="16">
        <v>17</v>
      </c>
      <c r="E118" s="84">
        <v>13.75</v>
      </c>
      <c r="F118" s="16">
        <v>7</v>
      </c>
      <c r="G118" s="85">
        <v>17.283999999999999</v>
      </c>
      <c r="H118" s="17">
        <v>19</v>
      </c>
      <c r="I118" s="84">
        <v>13.494</v>
      </c>
      <c r="J118" s="16">
        <v>20</v>
      </c>
      <c r="K118" s="84">
        <v>15.061</v>
      </c>
      <c r="L118" s="18">
        <v>17</v>
      </c>
      <c r="M118" s="84">
        <v>1.5589999999999999</v>
      </c>
      <c r="N118" s="16">
        <v>2</v>
      </c>
      <c r="O118" s="84">
        <v>1.5189999999999999</v>
      </c>
      <c r="P118" s="16">
        <v>13</v>
      </c>
      <c r="Q118" s="85">
        <v>1.5329999999999999</v>
      </c>
      <c r="R118" s="17">
        <v>4</v>
      </c>
      <c r="S118" s="84">
        <v>1.5760000000000001</v>
      </c>
      <c r="T118" s="16">
        <v>3</v>
      </c>
      <c r="U118" s="84">
        <v>1.5589999999999999</v>
      </c>
      <c r="V118" s="18">
        <v>2</v>
      </c>
      <c r="W118" s="21">
        <v>13</v>
      </c>
      <c r="X118" s="16" t="s">
        <v>29</v>
      </c>
      <c r="Y118" s="84">
        <v>1.7689999999999999</v>
      </c>
      <c r="Z118" s="16">
        <v>18</v>
      </c>
      <c r="AA118" s="84">
        <v>1.7370000000000001</v>
      </c>
      <c r="AB118" s="16">
        <v>16</v>
      </c>
      <c r="AC118" s="85">
        <v>1.7370000000000001</v>
      </c>
      <c r="AD118" s="17">
        <v>18</v>
      </c>
      <c r="AE118" s="84">
        <v>1.7929999999999999</v>
      </c>
      <c r="AF118" s="16">
        <v>16</v>
      </c>
      <c r="AG118" s="84">
        <v>1.7689999999999999</v>
      </c>
      <c r="AH118" s="18">
        <v>18</v>
      </c>
      <c r="AI118" s="84">
        <v>1.879</v>
      </c>
      <c r="AJ118" s="16">
        <v>5</v>
      </c>
      <c r="AK118" s="84">
        <v>1.7549999999999999</v>
      </c>
      <c r="AL118" s="16">
        <v>8</v>
      </c>
      <c r="AM118" s="85">
        <v>1.9059999999999999</v>
      </c>
      <c r="AN118" s="17">
        <v>9</v>
      </c>
      <c r="AO118" s="84">
        <v>1.861</v>
      </c>
      <c r="AP118" s="19">
        <v>5</v>
      </c>
      <c r="AQ118" s="84">
        <v>1.879</v>
      </c>
      <c r="AR118" s="20">
        <v>5</v>
      </c>
    </row>
    <row r="119" spans="1:44" ht="14.1" customHeight="1" x14ac:dyDescent="0.15">
      <c r="A119" s="21">
        <v>14</v>
      </c>
      <c r="B119" s="15" t="s">
        <v>30</v>
      </c>
      <c r="C119" s="84">
        <v>14.641999999999999</v>
      </c>
      <c r="D119" s="16">
        <v>23</v>
      </c>
      <c r="E119" s="84">
        <v>10</v>
      </c>
      <c r="F119" s="16">
        <v>9</v>
      </c>
      <c r="G119" s="85">
        <v>16.134</v>
      </c>
      <c r="H119" s="17">
        <v>25</v>
      </c>
      <c r="I119" s="84">
        <v>13.49</v>
      </c>
      <c r="J119" s="16">
        <v>21</v>
      </c>
      <c r="K119" s="84">
        <v>14.641999999999999</v>
      </c>
      <c r="L119" s="18">
        <v>23</v>
      </c>
      <c r="M119" s="84">
        <v>1.514</v>
      </c>
      <c r="N119" s="16">
        <v>12</v>
      </c>
      <c r="O119" s="84">
        <v>1.2729999999999999</v>
      </c>
      <c r="P119" s="16">
        <v>24</v>
      </c>
      <c r="Q119" s="85">
        <v>1.494</v>
      </c>
      <c r="R119" s="17">
        <v>12</v>
      </c>
      <c r="S119" s="84">
        <v>1.53</v>
      </c>
      <c r="T119" s="16">
        <v>13</v>
      </c>
      <c r="U119" s="84">
        <v>1.514</v>
      </c>
      <c r="V119" s="18">
        <v>12</v>
      </c>
      <c r="W119" s="21">
        <v>14</v>
      </c>
      <c r="X119" s="16" t="s">
        <v>30</v>
      </c>
      <c r="Y119" s="84">
        <v>1.7989999999999999</v>
      </c>
      <c r="Z119" s="16">
        <v>12</v>
      </c>
      <c r="AA119" s="84">
        <v>1.62</v>
      </c>
      <c r="AB119" s="16">
        <v>21</v>
      </c>
      <c r="AC119" s="85">
        <v>1.77</v>
      </c>
      <c r="AD119" s="17">
        <v>9</v>
      </c>
      <c r="AE119" s="84">
        <v>1.825</v>
      </c>
      <c r="AF119" s="16">
        <v>11</v>
      </c>
      <c r="AG119" s="84">
        <v>1.7989999999999999</v>
      </c>
      <c r="AH119" s="18">
        <v>12</v>
      </c>
      <c r="AI119" s="84">
        <v>1.821</v>
      </c>
      <c r="AJ119" s="16">
        <v>17</v>
      </c>
      <c r="AK119" s="84">
        <v>1.38</v>
      </c>
      <c r="AL119" s="16">
        <v>24</v>
      </c>
      <c r="AM119" s="85">
        <v>1.8280000000000001</v>
      </c>
      <c r="AN119" s="17">
        <v>20</v>
      </c>
      <c r="AO119" s="84">
        <v>1.8149999999999999</v>
      </c>
      <c r="AP119" s="19">
        <v>15</v>
      </c>
      <c r="AQ119" s="84">
        <v>1.821</v>
      </c>
      <c r="AR119" s="20">
        <v>16</v>
      </c>
    </row>
    <row r="120" spans="1:44" ht="14.1" customHeight="1" x14ac:dyDescent="0.15">
      <c r="A120" s="21">
        <v>15</v>
      </c>
      <c r="B120" s="15" t="s">
        <v>31</v>
      </c>
      <c r="C120" s="84">
        <v>16.452000000000002</v>
      </c>
      <c r="D120" s="16">
        <v>7</v>
      </c>
      <c r="E120" s="84">
        <v>17.2</v>
      </c>
      <c r="F120" s="16">
        <v>5</v>
      </c>
      <c r="G120" s="85">
        <v>18.149000000000001</v>
      </c>
      <c r="H120" s="17">
        <v>9</v>
      </c>
      <c r="I120" s="84">
        <v>15.356</v>
      </c>
      <c r="J120" s="16">
        <v>3</v>
      </c>
      <c r="K120" s="84">
        <v>16.452999999999999</v>
      </c>
      <c r="L120" s="18">
        <v>7</v>
      </c>
      <c r="M120" s="84">
        <v>1.4750000000000001</v>
      </c>
      <c r="N120" s="16">
        <v>22</v>
      </c>
      <c r="O120" s="84">
        <v>1.246</v>
      </c>
      <c r="P120" s="16">
        <v>26</v>
      </c>
      <c r="Q120" s="85">
        <v>1.4530000000000001</v>
      </c>
      <c r="R120" s="17">
        <v>25</v>
      </c>
      <c r="S120" s="84">
        <v>1.4890000000000001</v>
      </c>
      <c r="T120" s="16">
        <v>19</v>
      </c>
      <c r="U120" s="84">
        <v>1.4750000000000001</v>
      </c>
      <c r="V120" s="18">
        <v>22</v>
      </c>
      <c r="W120" s="21">
        <v>15</v>
      </c>
      <c r="X120" s="16" t="s">
        <v>31</v>
      </c>
      <c r="Y120" s="84">
        <v>1.81</v>
      </c>
      <c r="Z120" s="16">
        <v>10</v>
      </c>
      <c r="AA120" s="84">
        <v>2.0550000000000002</v>
      </c>
      <c r="AB120" s="16">
        <v>3</v>
      </c>
      <c r="AC120" s="85">
        <v>1.7490000000000001</v>
      </c>
      <c r="AD120" s="17">
        <v>15</v>
      </c>
      <c r="AE120" s="84">
        <v>1.8540000000000001</v>
      </c>
      <c r="AF120" s="16">
        <v>8</v>
      </c>
      <c r="AG120" s="84">
        <v>1.81</v>
      </c>
      <c r="AH120" s="18">
        <v>10</v>
      </c>
      <c r="AI120" s="84">
        <v>1.8420000000000001</v>
      </c>
      <c r="AJ120" s="16">
        <v>13</v>
      </c>
      <c r="AK120" s="84">
        <v>1.694</v>
      </c>
      <c r="AL120" s="16">
        <v>9</v>
      </c>
      <c r="AM120" s="85">
        <v>1.8560000000000001</v>
      </c>
      <c r="AN120" s="17">
        <v>19</v>
      </c>
      <c r="AO120" s="84">
        <v>1.8340000000000001</v>
      </c>
      <c r="AP120" s="19">
        <v>10</v>
      </c>
      <c r="AQ120" s="84">
        <v>1.8420000000000001</v>
      </c>
      <c r="AR120" s="78">
        <v>13</v>
      </c>
    </row>
    <row r="121" spans="1:44" ht="14.1" customHeight="1" x14ac:dyDescent="0.15">
      <c r="A121" s="21">
        <v>16</v>
      </c>
      <c r="B121" s="15" t="s">
        <v>32</v>
      </c>
      <c r="C121" s="84">
        <v>15.038</v>
      </c>
      <c r="D121" s="16">
        <v>18</v>
      </c>
      <c r="E121" s="84">
        <v>0</v>
      </c>
      <c r="F121" s="16">
        <v>20</v>
      </c>
      <c r="G121" s="85">
        <v>17.789000000000001</v>
      </c>
      <c r="H121" s="17">
        <v>13</v>
      </c>
      <c r="I121" s="84">
        <v>13.016999999999999</v>
      </c>
      <c r="J121" s="16">
        <v>26</v>
      </c>
      <c r="K121" s="84">
        <v>15.038</v>
      </c>
      <c r="L121" s="18">
        <v>18</v>
      </c>
      <c r="M121" s="84">
        <v>1.4550000000000001</v>
      </c>
      <c r="N121" s="16">
        <v>27</v>
      </c>
      <c r="O121" s="84">
        <v>1.1879999999999999</v>
      </c>
      <c r="P121" s="16">
        <v>27</v>
      </c>
      <c r="Q121" s="85">
        <v>1.484</v>
      </c>
      <c r="R121" s="17">
        <v>16</v>
      </c>
      <c r="S121" s="84">
        <v>1.4370000000000001</v>
      </c>
      <c r="T121" s="16">
        <v>27</v>
      </c>
      <c r="U121" s="84">
        <v>1.4550000000000001</v>
      </c>
      <c r="V121" s="18">
        <v>27</v>
      </c>
      <c r="W121" s="21">
        <v>16</v>
      </c>
      <c r="X121" s="16" t="s">
        <v>32</v>
      </c>
      <c r="Y121" s="84">
        <v>1.7290000000000001</v>
      </c>
      <c r="Z121" s="16">
        <v>27</v>
      </c>
      <c r="AA121" s="84">
        <v>1.579</v>
      </c>
      <c r="AB121" s="16">
        <v>25</v>
      </c>
      <c r="AC121" s="85">
        <v>1.702</v>
      </c>
      <c r="AD121" s="17">
        <v>25</v>
      </c>
      <c r="AE121" s="84">
        <v>1.7490000000000001</v>
      </c>
      <c r="AF121" s="16">
        <v>26</v>
      </c>
      <c r="AG121" s="84">
        <v>1.7290000000000001</v>
      </c>
      <c r="AH121" s="18">
        <v>27</v>
      </c>
      <c r="AI121" s="84">
        <v>1.776</v>
      </c>
      <c r="AJ121" s="16">
        <v>29</v>
      </c>
      <c r="AK121" s="84">
        <v>1.2989999999999999</v>
      </c>
      <c r="AL121" s="16">
        <v>28</v>
      </c>
      <c r="AM121" s="85">
        <v>1.8680000000000001</v>
      </c>
      <c r="AN121" s="17">
        <v>16</v>
      </c>
      <c r="AO121" s="84">
        <v>1.7150000000000001</v>
      </c>
      <c r="AP121" s="19">
        <v>32</v>
      </c>
      <c r="AQ121" s="84">
        <v>1.776</v>
      </c>
      <c r="AR121" s="78">
        <v>29</v>
      </c>
    </row>
    <row r="122" spans="1:44" ht="14.1" customHeight="1" x14ac:dyDescent="0.15">
      <c r="A122" s="21">
        <v>17</v>
      </c>
      <c r="B122" s="15" t="s">
        <v>33</v>
      </c>
      <c r="C122" s="84">
        <v>15.273</v>
      </c>
      <c r="D122" s="16">
        <v>16</v>
      </c>
      <c r="E122" s="84">
        <v>0</v>
      </c>
      <c r="F122" s="16">
        <v>20</v>
      </c>
      <c r="G122" s="85">
        <v>17.059999999999999</v>
      </c>
      <c r="H122" s="17">
        <v>21</v>
      </c>
      <c r="I122" s="84">
        <v>14.016999999999999</v>
      </c>
      <c r="J122" s="16">
        <v>13</v>
      </c>
      <c r="K122" s="84">
        <v>15.273</v>
      </c>
      <c r="L122" s="18">
        <v>16</v>
      </c>
      <c r="M122" s="84">
        <v>1.542</v>
      </c>
      <c r="N122" s="16">
        <v>7</v>
      </c>
      <c r="O122" s="84">
        <v>1.393</v>
      </c>
      <c r="P122" s="16">
        <v>16</v>
      </c>
      <c r="Q122" s="85">
        <v>1.5109999999999999</v>
      </c>
      <c r="R122" s="17">
        <v>6</v>
      </c>
      <c r="S122" s="84">
        <v>1.5640000000000001</v>
      </c>
      <c r="T122" s="16">
        <v>8</v>
      </c>
      <c r="U122" s="84">
        <v>1.542</v>
      </c>
      <c r="V122" s="18">
        <v>7</v>
      </c>
      <c r="W122" s="21">
        <v>17</v>
      </c>
      <c r="X122" s="16" t="s">
        <v>33</v>
      </c>
      <c r="Y122" s="84">
        <v>1.7689999999999999</v>
      </c>
      <c r="Z122" s="16">
        <v>18</v>
      </c>
      <c r="AA122" s="84">
        <v>1.5960000000000001</v>
      </c>
      <c r="AB122" s="16">
        <v>23</v>
      </c>
      <c r="AC122" s="85">
        <v>1.7649999999999999</v>
      </c>
      <c r="AD122" s="17">
        <v>10</v>
      </c>
      <c r="AE122" s="84">
        <v>1.772</v>
      </c>
      <c r="AF122" s="16">
        <v>23</v>
      </c>
      <c r="AG122" s="84">
        <v>1.7689999999999999</v>
      </c>
      <c r="AH122" s="18">
        <v>18</v>
      </c>
      <c r="AI122" s="84">
        <v>1.8620000000000001</v>
      </c>
      <c r="AJ122" s="16">
        <v>8</v>
      </c>
      <c r="AK122" s="84">
        <v>1.452</v>
      </c>
      <c r="AL122" s="16">
        <v>22</v>
      </c>
      <c r="AM122" s="85">
        <v>1.873</v>
      </c>
      <c r="AN122" s="17">
        <v>15</v>
      </c>
      <c r="AO122" s="84">
        <v>1.8540000000000001</v>
      </c>
      <c r="AP122" s="19">
        <v>8</v>
      </c>
      <c r="AQ122" s="84">
        <v>1.8620000000000001</v>
      </c>
      <c r="AR122" s="78">
        <v>8</v>
      </c>
    </row>
    <row r="123" spans="1:44" ht="14.1" customHeight="1" x14ac:dyDescent="0.15">
      <c r="A123" s="21">
        <v>18</v>
      </c>
      <c r="B123" s="15" t="s">
        <v>34</v>
      </c>
      <c r="C123" s="84">
        <v>17.067</v>
      </c>
      <c r="D123" s="16">
        <v>4</v>
      </c>
      <c r="E123" s="84">
        <v>7.25</v>
      </c>
      <c r="F123" s="16">
        <v>14</v>
      </c>
      <c r="G123" s="85">
        <v>19.552</v>
      </c>
      <c r="H123" s="17">
        <v>5</v>
      </c>
      <c r="I123" s="84">
        <v>15.156000000000001</v>
      </c>
      <c r="J123" s="16">
        <v>5</v>
      </c>
      <c r="K123" s="84">
        <v>17.048999999999999</v>
      </c>
      <c r="L123" s="18">
        <v>4</v>
      </c>
      <c r="M123" s="84">
        <v>1.504</v>
      </c>
      <c r="N123" s="16">
        <v>14</v>
      </c>
      <c r="O123" s="84">
        <v>1.145</v>
      </c>
      <c r="P123" s="16">
        <v>31</v>
      </c>
      <c r="Q123" s="85">
        <v>1.538</v>
      </c>
      <c r="R123" s="17">
        <v>2</v>
      </c>
      <c r="S123" s="84">
        <v>1.486</v>
      </c>
      <c r="T123" s="16">
        <v>20</v>
      </c>
      <c r="U123" s="84">
        <v>1.5029999999999999</v>
      </c>
      <c r="V123" s="18">
        <v>14</v>
      </c>
      <c r="W123" s="21">
        <v>18</v>
      </c>
      <c r="X123" s="16" t="s">
        <v>34</v>
      </c>
      <c r="Y123" s="84">
        <v>1.851</v>
      </c>
      <c r="Z123" s="16">
        <v>3</v>
      </c>
      <c r="AA123" s="84">
        <v>1.778</v>
      </c>
      <c r="AB123" s="16">
        <v>12</v>
      </c>
      <c r="AC123" s="85">
        <v>1.8360000000000001</v>
      </c>
      <c r="AD123" s="17">
        <v>2</v>
      </c>
      <c r="AE123" s="84">
        <v>1.861</v>
      </c>
      <c r="AF123" s="16">
        <v>7</v>
      </c>
      <c r="AG123" s="84">
        <v>1.851</v>
      </c>
      <c r="AH123" s="18">
        <v>3</v>
      </c>
      <c r="AI123" s="84">
        <v>1.911</v>
      </c>
      <c r="AJ123" s="16">
        <v>3</v>
      </c>
      <c r="AK123" s="84">
        <v>1.331</v>
      </c>
      <c r="AL123" s="16">
        <v>26</v>
      </c>
      <c r="AM123" s="85">
        <v>2.0779999999999998</v>
      </c>
      <c r="AN123" s="17">
        <v>1</v>
      </c>
      <c r="AO123" s="84">
        <v>1.8169999999999999</v>
      </c>
      <c r="AP123" s="19">
        <v>14</v>
      </c>
      <c r="AQ123" s="84">
        <v>1.909</v>
      </c>
      <c r="AR123" s="78">
        <v>3</v>
      </c>
    </row>
    <row r="124" spans="1:44" ht="14.1" customHeight="1" x14ac:dyDescent="0.15">
      <c r="A124" s="21">
        <v>19</v>
      </c>
      <c r="B124" s="15" t="s">
        <v>35</v>
      </c>
      <c r="C124" s="84">
        <v>13.749000000000001</v>
      </c>
      <c r="D124" s="16">
        <v>31</v>
      </c>
      <c r="E124" s="84">
        <v>11</v>
      </c>
      <c r="F124" s="16">
        <v>8</v>
      </c>
      <c r="G124" s="85">
        <v>15.432</v>
      </c>
      <c r="H124" s="17">
        <v>30</v>
      </c>
      <c r="I124" s="84">
        <v>12.791</v>
      </c>
      <c r="J124" s="16">
        <v>28</v>
      </c>
      <c r="K124" s="84">
        <v>13.750999999999999</v>
      </c>
      <c r="L124" s="18">
        <v>31</v>
      </c>
      <c r="M124" s="84">
        <v>1.478</v>
      </c>
      <c r="N124" s="16">
        <v>21</v>
      </c>
      <c r="O124" s="84">
        <v>1.714</v>
      </c>
      <c r="P124" s="16">
        <v>5</v>
      </c>
      <c r="Q124" s="85">
        <v>1.474</v>
      </c>
      <c r="R124" s="17">
        <v>17</v>
      </c>
      <c r="S124" s="84">
        <v>1.4810000000000001</v>
      </c>
      <c r="T124" s="16">
        <v>22</v>
      </c>
      <c r="U124" s="84">
        <v>1.478</v>
      </c>
      <c r="V124" s="18">
        <v>21</v>
      </c>
      <c r="W124" s="21">
        <v>19</v>
      </c>
      <c r="X124" s="16" t="s">
        <v>35</v>
      </c>
      <c r="Y124" s="84">
        <v>1.774</v>
      </c>
      <c r="Z124" s="16">
        <v>16</v>
      </c>
      <c r="AA124" s="84">
        <v>2.222</v>
      </c>
      <c r="AB124" s="16">
        <v>1</v>
      </c>
      <c r="AC124" s="85">
        <v>1.712</v>
      </c>
      <c r="AD124" s="17">
        <v>24</v>
      </c>
      <c r="AE124" s="84">
        <v>1.833</v>
      </c>
      <c r="AF124" s="16">
        <v>10</v>
      </c>
      <c r="AG124" s="84">
        <v>1.774</v>
      </c>
      <c r="AH124" s="18">
        <v>16</v>
      </c>
      <c r="AI124" s="84">
        <v>1.7390000000000001</v>
      </c>
      <c r="AJ124" s="16">
        <v>33</v>
      </c>
      <c r="AK124" s="84">
        <v>1.6319999999999999</v>
      </c>
      <c r="AL124" s="16">
        <v>15</v>
      </c>
      <c r="AM124" s="85">
        <v>1.7290000000000001</v>
      </c>
      <c r="AN124" s="17">
        <v>33</v>
      </c>
      <c r="AO124" s="84">
        <v>1.746</v>
      </c>
      <c r="AP124" s="19">
        <v>30</v>
      </c>
      <c r="AQ124" s="84">
        <v>1.7390000000000001</v>
      </c>
      <c r="AR124" s="78">
        <v>33</v>
      </c>
    </row>
    <row r="125" spans="1:44" ht="14.1" customHeight="1" x14ac:dyDescent="0.15">
      <c r="A125" s="21">
        <v>20</v>
      </c>
      <c r="B125" s="15" t="s">
        <v>36</v>
      </c>
      <c r="C125" s="84">
        <v>14.738</v>
      </c>
      <c r="D125" s="16">
        <v>22</v>
      </c>
      <c r="E125" s="84">
        <v>0</v>
      </c>
      <c r="F125" s="16">
        <v>20</v>
      </c>
      <c r="G125" s="85">
        <v>17.077999999999999</v>
      </c>
      <c r="H125" s="17">
        <v>20</v>
      </c>
      <c r="I125" s="84">
        <v>13.321999999999999</v>
      </c>
      <c r="J125" s="16">
        <v>22</v>
      </c>
      <c r="K125" s="84">
        <v>14.738</v>
      </c>
      <c r="L125" s="18">
        <v>22</v>
      </c>
      <c r="M125" s="84">
        <v>1.4930000000000001</v>
      </c>
      <c r="N125" s="16">
        <v>18</v>
      </c>
      <c r="O125" s="84">
        <v>1.5840000000000001</v>
      </c>
      <c r="P125" s="16">
        <v>9</v>
      </c>
      <c r="Q125" s="85">
        <v>1.462</v>
      </c>
      <c r="R125" s="17">
        <v>23</v>
      </c>
      <c r="S125" s="84">
        <v>1.5129999999999999</v>
      </c>
      <c r="T125" s="16">
        <v>16</v>
      </c>
      <c r="U125" s="84">
        <v>1.4930000000000001</v>
      </c>
      <c r="V125" s="18">
        <v>18</v>
      </c>
      <c r="W125" s="21">
        <v>20</v>
      </c>
      <c r="X125" s="16" t="s">
        <v>36</v>
      </c>
      <c r="Y125" s="84">
        <v>1.615</v>
      </c>
      <c r="Z125" s="16">
        <v>33</v>
      </c>
      <c r="AA125" s="84">
        <v>1.732</v>
      </c>
      <c r="AB125" s="16">
        <v>17</v>
      </c>
      <c r="AC125" s="85">
        <v>1.619</v>
      </c>
      <c r="AD125" s="17">
        <v>33</v>
      </c>
      <c r="AE125" s="84">
        <v>1.6120000000000001</v>
      </c>
      <c r="AF125" s="16">
        <v>33</v>
      </c>
      <c r="AG125" s="84">
        <v>1.615</v>
      </c>
      <c r="AH125" s="18">
        <v>33</v>
      </c>
      <c r="AI125" s="84">
        <v>1.7909999999999999</v>
      </c>
      <c r="AJ125" s="16">
        <v>26</v>
      </c>
      <c r="AK125" s="84">
        <v>1.6359999999999999</v>
      </c>
      <c r="AL125" s="16">
        <v>14</v>
      </c>
      <c r="AM125" s="85">
        <v>1.806</v>
      </c>
      <c r="AN125" s="17">
        <v>25</v>
      </c>
      <c r="AO125" s="84">
        <v>1.7809999999999999</v>
      </c>
      <c r="AP125" s="19">
        <v>20</v>
      </c>
      <c r="AQ125" s="84">
        <v>1.7909999999999999</v>
      </c>
      <c r="AR125" s="78">
        <v>26</v>
      </c>
    </row>
    <row r="126" spans="1:44" ht="14.1" customHeight="1" x14ac:dyDescent="0.15">
      <c r="A126" s="21">
        <v>21</v>
      </c>
      <c r="B126" s="15" t="s">
        <v>37</v>
      </c>
      <c r="C126" s="84">
        <v>15.534000000000001</v>
      </c>
      <c r="D126" s="16">
        <v>12</v>
      </c>
      <c r="E126" s="84">
        <v>2.5</v>
      </c>
      <c r="F126" s="16">
        <v>16</v>
      </c>
      <c r="G126" s="85">
        <v>17.798999999999999</v>
      </c>
      <c r="H126" s="17">
        <v>12</v>
      </c>
      <c r="I126" s="84">
        <v>13.954000000000001</v>
      </c>
      <c r="J126" s="16">
        <v>14</v>
      </c>
      <c r="K126" s="84">
        <v>15.526999999999999</v>
      </c>
      <c r="L126" s="18">
        <v>12</v>
      </c>
      <c r="M126" s="84">
        <v>1.4990000000000001</v>
      </c>
      <c r="N126" s="16">
        <v>15</v>
      </c>
      <c r="O126" s="84">
        <v>1.27</v>
      </c>
      <c r="P126" s="16">
        <v>25</v>
      </c>
      <c r="Q126" s="85">
        <v>1.472</v>
      </c>
      <c r="R126" s="17">
        <v>20</v>
      </c>
      <c r="S126" s="84">
        <v>1.516</v>
      </c>
      <c r="T126" s="16">
        <v>15</v>
      </c>
      <c r="U126" s="84">
        <v>1.498</v>
      </c>
      <c r="V126" s="18">
        <v>15</v>
      </c>
      <c r="W126" s="21">
        <v>21</v>
      </c>
      <c r="X126" s="16" t="s">
        <v>37</v>
      </c>
      <c r="Y126" s="84">
        <v>1.7370000000000001</v>
      </c>
      <c r="Z126" s="16">
        <v>24</v>
      </c>
      <c r="AA126" s="84">
        <v>1.4550000000000001</v>
      </c>
      <c r="AB126" s="16">
        <v>27</v>
      </c>
      <c r="AC126" s="85">
        <v>1.7250000000000001</v>
      </c>
      <c r="AD126" s="17">
        <v>22</v>
      </c>
      <c r="AE126" s="84">
        <v>1.7470000000000001</v>
      </c>
      <c r="AF126" s="16">
        <v>27</v>
      </c>
      <c r="AG126" s="84">
        <v>1.7370000000000001</v>
      </c>
      <c r="AH126" s="18">
        <v>24</v>
      </c>
      <c r="AI126" s="84">
        <v>1.841</v>
      </c>
      <c r="AJ126" s="16">
        <v>14</v>
      </c>
      <c r="AK126" s="84">
        <v>1.323</v>
      </c>
      <c r="AL126" s="16">
        <v>27</v>
      </c>
      <c r="AM126" s="85">
        <v>1.867</v>
      </c>
      <c r="AN126" s="17">
        <v>17</v>
      </c>
      <c r="AO126" s="84">
        <v>1.823</v>
      </c>
      <c r="AP126" s="19">
        <v>12</v>
      </c>
      <c r="AQ126" s="84">
        <v>1.841</v>
      </c>
      <c r="AR126" s="78">
        <v>14</v>
      </c>
    </row>
    <row r="127" spans="1:44" ht="14.1" customHeight="1" x14ac:dyDescent="0.15">
      <c r="A127" s="21">
        <v>22</v>
      </c>
      <c r="B127" s="15" t="s">
        <v>38</v>
      </c>
      <c r="C127" s="84">
        <v>17.088000000000001</v>
      </c>
      <c r="D127" s="16">
        <v>3</v>
      </c>
      <c r="E127" s="84">
        <v>0</v>
      </c>
      <c r="F127" s="16">
        <v>20</v>
      </c>
      <c r="G127" s="85">
        <v>22.088999999999999</v>
      </c>
      <c r="H127" s="17">
        <v>1</v>
      </c>
      <c r="I127" s="84">
        <v>13.609</v>
      </c>
      <c r="J127" s="16">
        <v>19</v>
      </c>
      <c r="K127" s="84">
        <v>17.088000000000001</v>
      </c>
      <c r="L127" s="18">
        <v>3</v>
      </c>
      <c r="M127" s="84">
        <v>1.411</v>
      </c>
      <c r="N127" s="16">
        <v>32</v>
      </c>
      <c r="O127" s="84">
        <v>1.296</v>
      </c>
      <c r="P127" s="16">
        <v>23</v>
      </c>
      <c r="Q127" s="85">
        <v>1.4179999999999999</v>
      </c>
      <c r="R127" s="17">
        <v>31</v>
      </c>
      <c r="S127" s="84">
        <v>1.4079999999999999</v>
      </c>
      <c r="T127" s="16">
        <v>31</v>
      </c>
      <c r="U127" s="84">
        <v>1.411</v>
      </c>
      <c r="V127" s="18">
        <v>32</v>
      </c>
      <c r="W127" s="21">
        <v>22</v>
      </c>
      <c r="X127" s="16" t="s">
        <v>38</v>
      </c>
      <c r="Y127" s="84">
        <v>1.6970000000000001</v>
      </c>
      <c r="Z127" s="16">
        <v>31</v>
      </c>
      <c r="AA127" s="84">
        <v>1.5</v>
      </c>
      <c r="AB127" s="16">
        <v>26</v>
      </c>
      <c r="AC127" s="85">
        <v>1.6679999999999999</v>
      </c>
      <c r="AD127" s="17">
        <v>29</v>
      </c>
      <c r="AE127" s="84">
        <v>1.7150000000000001</v>
      </c>
      <c r="AF127" s="16">
        <v>32</v>
      </c>
      <c r="AG127" s="84">
        <v>1.6970000000000001</v>
      </c>
      <c r="AH127" s="18">
        <v>31</v>
      </c>
      <c r="AI127" s="84">
        <v>1.782</v>
      </c>
      <c r="AJ127" s="16">
        <v>28</v>
      </c>
      <c r="AK127" s="84">
        <v>1.333</v>
      </c>
      <c r="AL127" s="16">
        <v>25</v>
      </c>
      <c r="AM127" s="85">
        <v>1.9670000000000001</v>
      </c>
      <c r="AN127" s="17">
        <v>5</v>
      </c>
      <c r="AO127" s="84">
        <v>1.6850000000000001</v>
      </c>
      <c r="AP127" s="19">
        <v>33</v>
      </c>
      <c r="AQ127" s="84">
        <v>1.782</v>
      </c>
      <c r="AR127" s="78">
        <v>28</v>
      </c>
    </row>
    <row r="128" spans="1:44" ht="14.1" customHeight="1" x14ac:dyDescent="0.15">
      <c r="A128" s="21">
        <v>23</v>
      </c>
      <c r="B128" s="15" t="s">
        <v>39</v>
      </c>
      <c r="C128" s="84">
        <v>15.898999999999999</v>
      </c>
      <c r="D128" s="16">
        <v>8</v>
      </c>
      <c r="E128" s="84">
        <v>0</v>
      </c>
      <c r="F128" s="16">
        <v>20</v>
      </c>
      <c r="G128" s="85">
        <v>18.202000000000002</v>
      </c>
      <c r="H128" s="17">
        <v>7</v>
      </c>
      <c r="I128" s="84">
        <v>14.513</v>
      </c>
      <c r="J128" s="16">
        <v>7</v>
      </c>
      <c r="K128" s="84">
        <v>15.898999999999999</v>
      </c>
      <c r="L128" s="18">
        <v>8</v>
      </c>
      <c r="M128" s="84">
        <v>1.4690000000000001</v>
      </c>
      <c r="N128" s="16">
        <v>24</v>
      </c>
      <c r="O128" s="84">
        <v>1.347</v>
      </c>
      <c r="P128" s="16">
        <v>21</v>
      </c>
      <c r="Q128" s="85">
        <v>1.486</v>
      </c>
      <c r="R128" s="17">
        <v>15</v>
      </c>
      <c r="S128" s="84">
        <v>1.4590000000000001</v>
      </c>
      <c r="T128" s="16">
        <v>26</v>
      </c>
      <c r="U128" s="84">
        <v>1.468</v>
      </c>
      <c r="V128" s="18">
        <v>24</v>
      </c>
      <c r="W128" s="21">
        <v>23</v>
      </c>
      <c r="X128" s="16" t="s">
        <v>39</v>
      </c>
      <c r="Y128" s="84">
        <v>1.778</v>
      </c>
      <c r="Z128" s="16">
        <v>15</v>
      </c>
      <c r="AA128" s="84">
        <v>2.04</v>
      </c>
      <c r="AB128" s="16">
        <v>4</v>
      </c>
      <c r="AC128" s="85">
        <v>1.7589999999999999</v>
      </c>
      <c r="AD128" s="17">
        <v>12</v>
      </c>
      <c r="AE128" s="84">
        <v>1.79</v>
      </c>
      <c r="AF128" s="16">
        <v>19</v>
      </c>
      <c r="AG128" s="84">
        <v>1.778</v>
      </c>
      <c r="AH128" s="18">
        <v>15</v>
      </c>
      <c r="AI128" s="84">
        <v>1.8220000000000001</v>
      </c>
      <c r="AJ128" s="16">
        <v>16</v>
      </c>
      <c r="AK128" s="84">
        <v>1.492</v>
      </c>
      <c r="AL128" s="16">
        <v>20</v>
      </c>
      <c r="AM128" s="85">
        <v>1.895</v>
      </c>
      <c r="AN128" s="17">
        <v>11</v>
      </c>
      <c r="AO128" s="84">
        <v>1.78</v>
      </c>
      <c r="AP128" s="19">
        <v>22</v>
      </c>
      <c r="AQ128" s="84">
        <v>1.821</v>
      </c>
      <c r="AR128" s="78">
        <v>16</v>
      </c>
    </row>
    <row r="129" spans="1:44" ht="14.1" customHeight="1" x14ac:dyDescent="0.15">
      <c r="A129" s="21">
        <v>24</v>
      </c>
      <c r="B129" s="15" t="s">
        <v>40</v>
      </c>
      <c r="C129" s="84">
        <v>14.428000000000001</v>
      </c>
      <c r="D129" s="16">
        <v>25</v>
      </c>
      <c r="E129" s="84">
        <v>0</v>
      </c>
      <c r="F129" s="16">
        <v>20</v>
      </c>
      <c r="G129" s="85">
        <v>17.972999999999999</v>
      </c>
      <c r="H129" s="17">
        <v>11</v>
      </c>
      <c r="I129" s="84">
        <v>12.24</v>
      </c>
      <c r="J129" s="16">
        <v>32</v>
      </c>
      <c r="K129" s="84">
        <v>14.428000000000001</v>
      </c>
      <c r="L129" s="18">
        <v>25</v>
      </c>
      <c r="M129" s="84">
        <v>1.4710000000000001</v>
      </c>
      <c r="N129" s="16">
        <v>23</v>
      </c>
      <c r="O129" s="84">
        <v>1.1579999999999999</v>
      </c>
      <c r="P129" s="16">
        <v>28</v>
      </c>
      <c r="Q129" s="85">
        <v>1.4710000000000001</v>
      </c>
      <c r="R129" s="17">
        <v>21</v>
      </c>
      <c r="S129" s="84">
        <v>1.4710000000000001</v>
      </c>
      <c r="T129" s="16">
        <v>25</v>
      </c>
      <c r="U129" s="84">
        <v>1.47</v>
      </c>
      <c r="V129" s="18">
        <v>23</v>
      </c>
      <c r="W129" s="21">
        <v>24</v>
      </c>
      <c r="X129" s="16" t="s">
        <v>40</v>
      </c>
      <c r="Y129" s="84">
        <v>1.913</v>
      </c>
      <c r="Z129" s="16">
        <v>1</v>
      </c>
      <c r="AA129" s="84">
        <v>1.2729999999999999</v>
      </c>
      <c r="AB129" s="16">
        <v>29</v>
      </c>
      <c r="AC129" s="85">
        <v>1.8149999999999999</v>
      </c>
      <c r="AD129" s="17">
        <v>4</v>
      </c>
      <c r="AE129" s="84">
        <v>1.9710000000000001</v>
      </c>
      <c r="AF129" s="16">
        <v>1</v>
      </c>
      <c r="AG129" s="84">
        <v>1.9119999999999999</v>
      </c>
      <c r="AH129" s="18">
        <v>1</v>
      </c>
      <c r="AI129" s="84">
        <v>1.82</v>
      </c>
      <c r="AJ129" s="16">
        <v>20</v>
      </c>
      <c r="AK129" s="84">
        <v>1.1839999999999999</v>
      </c>
      <c r="AL129" s="16">
        <v>30</v>
      </c>
      <c r="AM129" s="85">
        <v>1.923</v>
      </c>
      <c r="AN129" s="17">
        <v>7</v>
      </c>
      <c r="AO129" s="84">
        <v>1.7669999999999999</v>
      </c>
      <c r="AP129" s="19">
        <v>26</v>
      </c>
      <c r="AQ129" s="84">
        <v>1.819</v>
      </c>
      <c r="AR129" s="78">
        <v>20</v>
      </c>
    </row>
    <row r="130" spans="1:44" ht="14.1" customHeight="1" x14ac:dyDescent="0.15">
      <c r="A130" s="21">
        <v>25</v>
      </c>
      <c r="B130" s="15" t="s">
        <v>41</v>
      </c>
      <c r="C130" s="84">
        <v>13.727</v>
      </c>
      <c r="D130" s="16">
        <v>32</v>
      </c>
      <c r="E130" s="84">
        <v>0</v>
      </c>
      <c r="F130" s="16">
        <v>20</v>
      </c>
      <c r="G130" s="85">
        <v>14.95</v>
      </c>
      <c r="H130" s="17">
        <v>33</v>
      </c>
      <c r="I130" s="84">
        <v>13.047000000000001</v>
      </c>
      <c r="J130" s="16">
        <v>25</v>
      </c>
      <c r="K130" s="84">
        <v>13.727</v>
      </c>
      <c r="L130" s="18">
        <v>32</v>
      </c>
      <c r="M130" s="84">
        <v>1.4610000000000001</v>
      </c>
      <c r="N130" s="16">
        <v>26</v>
      </c>
      <c r="O130" s="84">
        <v>1.371</v>
      </c>
      <c r="P130" s="16">
        <v>20</v>
      </c>
      <c r="Q130" s="85">
        <v>1.4379999999999999</v>
      </c>
      <c r="R130" s="17">
        <v>29</v>
      </c>
      <c r="S130" s="84">
        <v>1.4750000000000001</v>
      </c>
      <c r="T130" s="16">
        <v>24</v>
      </c>
      <c r="U130" s="84">
        <v>1.4610000000000001</v>
      </c>
      <c r="V130" s="18">
        <v>26</v>
      </c>
      <c r="W130" s="21">
        <v>25</v>
      </c>
      <c r="X130" s="16" t="s">
        <v>41</v>
      </c>
      <c r="Y130" s="84">
        <v>1.8080000000000001</v>
      </c>
      <c r="Z130" s="16">
        <v>11</v>
      </c>
      <c r="AA130" s="84">
        <v>2.077</v>
      </c>
      <c r="AB130" s="16">
        <v>2</v>
      </c>
      <c r="AC130" s="85">
        <v>1.657</v>
      </c>
      <c r="AD130" s="17">
        <v>31</v>
      </c>
      <c r="AE130" s="84">
        <v>1.9279999999999999</v>
      </c>
      <c r="AF130" s="16">
        <v>2</v>
      </c>
      <c r="AG130" s="84">
        <v>1.8089999999999999</v>
      </c>
      <c r="AH130" s="18">
        <v>11</v>
      </c>
      <c r="AI130" s="84">
        <v>1.7629999999999999</v>
      </c>
      <c r="AJ130" s="16">
        <v>31</v>
      </c>
      <c r="AK130" s="84">
        <v>1.5629999999999999</v>
      </c>
      <c r="AL130" s="16">
        <v>17</v>
      </c>
      <c r="AM130" s="85">
        <v>1.7330000000000001</v>
      </c>
      <c r="AN130" s="17">
        <v>32</v>
      </c>
      <c r="AO130" s="84">
        <v>1.7809999999999999</v>
      </c>
      <c r="AP130" s="19">
        <v>20</v>
      </c>
      <c r="AQ130" s="84">
        <v>1.7629999999999999</v>
      </c>
      <c r="AR130" s="78">
        <v>31</v>
      </c>
    </row>
    <row r="131" spans="1:44" ht="14.1" customHeight="1" x14ac:dyDescent="0.15">
      <c r="A131" s="21">
        <v>26</v>
      </c>
      <c r="B131" s="15" t="s">
        <v>42</v>
      </c>
      <c r="C131" s="84">
        <v>15.867000000000001</v>
      </c>
      <c r="D131" s="16">
        <v>9</v>
      </c>
      <c r="E131" s="84">
        <v>0</v>
      </c>
      <c r="F131" s="16">
        <v>20</v>
      </c>
      <c r="G131" s="85">
        <v>19.646000000000001</v>
      </c>
      <c r="H131" s="17">
        <v>4</v>
      </c>
      <c r="I131" s="84">
        <v>14.106</v>
      </c>
      <c r="J131" s="16">
        <v>11</v>
      </c>
      <c r="K131" s="84">
        <v>15.867000000000001</v>
      </c>
      <c r="L131" s="18">
        <v>9</v>
      </c>
      <c r="M131" s="84">
        <v>1.4550000000000001</v>
      </c>
      <c r="N131" s="16">
        <v>27</v>
      </c>
      <c r="O131" s="84">
        <v>1.153</v>
      </c>
      <c r="P131" s="16">
        <v>30</v>
      </c>
      <c r="Q131" s="85">
        <v>1.4970000000000001</v>
      </c>
      <c r="R131" s="17">
        <v>10</v>
      </c>
      <c r="S131" s="84">
        <v>1.4330000000000001</v>
      </c>
      <c r="T131" s="16">
        <v>28</v>
      </c>
      <c r="U131" s="84">
        <v>1.454</v>
      </c>
      <c r="V131" s="18">
        <v>28</v>
      </c>
      <c r="W131" s="21">
        <v>26</v>
      </c>
      <c r="X131" s="16" t="s">
        <v>42</v>
      </c>
      <c r="Y131" s="84">
        <v>1.8160000000000001</v>
      </c>
      <c r="Z131" s="16">
        <v>9</v>
      </c>
      <c r="AA131" s="84">
        <v>1.609</v>
      </c>
      <c r="AB131" s="16">
        <v>22</v>
      </c>
      <c r="AC131" s="85">
        <v>1.8169999999999999</v>
      </c>
      <c r="AD131" s="17">
        <v>3</v>
      </c>
      <c r="AE131" s="84">
        <v>1.8160000000000001</v>
      </c>
      <c r="AF131" s="16">
        <v>12</v>
      </c>
      <c r="AG131" s="84">
        <v>1.8160000000000001</v>
      </c>
      <c r="AH131" s="18">
        <v>9</v>
      </c>
      <c r="AI131" s="84">
        <v>1.859</v>
      </c>
      <c r="AJ131" s="16">
        <v>9</v>
      </c>
      <c r="AK131" s="84">
        <v>1.2629999999999999</v>
      </c>
      <c r="AL131" s="16">
        <v>29</v>
      </c>
      <c r="AM131" s="85">
        <v>1.9350000000000001</v>
      </c>
      <c r="AN131" s="17">
        <v>6</v>
      </c>
      <c r="AO131" s="84">
        <v>1.8149999999999999</v>
      </c>
      <c r="AP131" s="19">
        <v>15</v>
      </c>
      <c r="AQ131" s="84">
        <v>1.857</v>
      </c>
      <c r="AR131" s="78">
        <v>9</v>
      </c>
    </row>
    <row r="132" spans="1:44" ht="14.1" customHeight="1" x14ac:dyDescent="0.15">
      <c r="A132" s="21">
        <v>27</v>
      </c>
      <c r="B132" s="15" t="s">
        <v>43</v>
      </c>
      <c r="C132" s="84">
        <v>18.012</v>
      </c>
      <c r="D132" s="16">
        <v>1</v>
      </c>
      <c r="E132" s="84">
        <v>0</v>
      </c>
      <c r="F132" s="16">
        <v>20</v>
      </c>
      <c r="G132" s="85">
        <v>20.384</v>
      </c>
      <c r="H132" s="17">
        <v>2</v>
      </c>
      <c r="I132" s="84">
        <v>16.991</v>
      </c>
      <c r="J132" s="16">
        <v>1</v>
      </c>
      <c r="K132" s="84">
        <v>18.012</v>
      </c>
      <c r="L132" s="18">
        <v>1</v>
      </c>
      <c r="M132" s="84">
        <v>1.5309999999999999</v>
      </c>
      <c r="N132" s="16">
        <v>8</v>
      </c>
      <c r="O132" s="84">
        <v>1.8</v>
      </c>
      <c r="P132" s="16">
        <v>3</v>
      </c>
      <c r="Q132" s="85">
        <v>1.583</v>
      </c>
      <c r="R132" s="17">
        <v>1</v>
      </c>
      <c r="S132" s="84">
        <v>1.508</v>
      </c>
      <c r="T132" s="16">
        <v>18</v>
      </c>
      <c r="U132" s="84">
        <v>1.5309999999999999</v>
      </c>
      <c r="V132" s="18">
        <v>8</v>
      </c>
      <c r="W132" s="21">
        <v>27</v>
      </c>
      <c r="X132" s="16" t="s">
        <v>43</v>
      </c>
      <c r="Y132" s="84">
        <v>1.82</v>
      </c>
      <c r="Z132" s="16">
        <v>7</v>
      </c>
      <c r="AA132" s="84">
        <v>1</v>
      </c>
      <c r="AB132" s="16">
        <v>30</v>
      </c>
      <c r="AC132" s="85">
        <v>1.73</v>
      </c>
      <c r="AD132" s="17">
        <v>19</v>
      </c>
      <c r="AE132" s="84">
        <v>1.867</v>
      </c>
      <c r="AF132" s="16">
        <v>6</v>
      </c>
      <c r="AG132" s="84">
        <v>1.82</v>
      </c>
      <c r="AH132" s="18">
        <v>7</v>
      </c>
      <c r="AI132" s="84">
        <v>2.0049999999999999</v>
      </c>
      <c r="AJ132" s="16">
        <v>1</v>
      </c>
      <c r="AK132" s="84">
        <v>1.667</v>
      </c>
      <c r="AL132" s="16">
        <v>10</v>
      </c>
      <c r="AM132" s="85">
        <v>2.077</v>
      </c>
      <c r="AN132" s="17">
        <v>2</v>
      </c>
      <c r="AO132" s="84">
        <v>1.9730000000000001</v>
      </c>
      <c r="AP132" s="19">
        <v>1</v>
      </c>
      <c r="AQ132" s="84">
        <v>2.0049999999999999</v>
      </c>
      <c r="AR132" s="78">
        <v>1</v>
      </c>
    </row>
    <row r="133" spans="1:44" ht="14.1" customHeight="1" x14ac:dyDescent="0.15">
      <c r="A133" s="21">
        <v>28</v>
      </c>
      <c r="B133" s="15" t="s">
        <v>44</v>
      </c>
      <c r="C133" s="84">
        <v>14.914</v>
      </c>
      <c r="D133" s="16">
        <v>21</v>
      </c>
      <c r="E133" s="84">
        <v>21.332999999999998</v>
      </c>
      <c r="F133" s="16">
        <v>2</v>
      </c>
      <c r="G133" s="85">
        <v>15.965999999999999</v>
      </c>
      <c r="H133" s="17">
        <v>28</v>
      </c>
      <c r="I133" s="84">
        <v>14.09</v>
      </c>
      <c r="J133" s="16">
        <v>12</v>
      </c>
      <c r="K133" s="84">
        <v>15.016999999999999</v>
      </c>
      <c r="L133" s="18">
        <v>19</v>
      </c>
      <c r="M133" s="84">
        <v>1.4970000000000001</v>
      </c>
      <c r="N133" s="16">
        <v>17</v>
      </c>
      <c r="O133" s="84">
        <v>1.802</v>
      </c>
      <c r="P133" s="16">
        <v>2</v>
      </c>
      <c r="Q133" s="85">
        <v>1.4470000000000001</v>
      </c>
      <c r="R133" s="17">
        <v>27</v>
      </c>
      <c r="S133" s="84">
        <v>1.524</v>
      </c>
      <c r="T133" s="16">
        <v>14</v>
      </c>
      <c r="U133" s="84">
        <v>1.498</v>
      </c>
      <c r="V133" s="18">
        <v>15</v>
      </c>
      <c r="W133" s="21">
        <v>28</v>
      </c>
      <c r="X133" s="16" t="s">
        <v>44</v>
      </c>
      <c r="Y133" s="84">
        <v>1.8480000000000001</v>
      </c>
      <c r="Z133" s="16">
        <v>4</v>
      </c>
      <c r="AA133" s="84">
        <v>1.76</v>
      </c>
      <c r="AB133" s="16">
        <v>13</v>
      </c>
      <c r="AC133" s="85">
        <v>1.8149999999999999</v>
      </c>
      <c r="AD133" s="17">
        <v>4</v>
      </c>
      <c r="AE133" s="84">
        <v>1.8720000000000001</v>
      </c>
      <c r="AF133" s="16">
        <v>5</v>
      </c>
      <c r="AG133" s="84">
        <v>1.8480000000000001</v>
      </c>
      <c r="AH133" s="18">
        <v>4</v>
      </c>
      <c r="AI133" s="84">
        <v>1.8240000000000001</v>
      </c>
      <c r="AJ133" s="16">
        <v>15</v>
      </c>
      <c r="AK133" s="84">
        <v>3.556</v>
      </c>
      <c r="AL133" s="16">
        <v>1</v>
      </c>
      <c r="AM133" s="85">
        <v>1.861</v>
      </c>
      <c r="AN133" s="17">
        <v>18</v>
      </c>
      <c r="AO133" s="84">
        <v>1.8029999999999999</v>
      </c>
      <c r="AP133" s="19">
        <v>19</v>
      </c>
      <c r="AQ133" s="84">
        <v>1.831</v>
      </c>
      <c r="AR133" s="20">
        <v>15</v>
      </c>
    </row>
    <row r="134" spans="1:44" ht="14.1" customHeight="1" x14ac:dyDescent="0.15">
      <c r="A134" s="21">
        <v>29</v>
      </c>
      <c r="B134" s="15" t="s">
        <v>45</v>
      </c>
      <c r="C134" s="84">
        <v>16.459</v>
      </c>
      <c r="D134" s="16">
        <v>6</v>
      </c>
      <c r="E134" s="84">
        <v>0</v>
      </c>
      <c r="F134" s="16">
        <v>20</v>
      </c>
      <c r="G134" s="85">
        <v>17.306999999999999</v>
      </c>
      <c r="H134" s="17">
        <v>18</v>
      </c>
      <c r="I134" s="84">
        <v>16.087</v>
      </c>
      <c r="J134" s="16">
        <v>2</v>
      </c>
      <c r="K134" s="84">
        <v>16.459</v>
      </c>
      <c r="L134" s="18">
        <v>6</v>
      </c>
      <c r="M134" s="84">
        <v>1.498</v>
      </c>
      <c r="N134" s="16">
        <v>16</v>
      </c>
      <c r="O134" s="84">
        <v>1.1539999999999999</v>
      </c>
      <c r="P134" s="16">
        <v>29</v>
      </c>
      <c r="Q134" s="85">
        <v>1.3879999999999999</v>
      </c>
      <c r="R134" s="17">
        <v>32</v>
      </c>
      <c r="S134" s="84">
        <v>1.5649999999999999</v>
      </c>
      <c r="T134" s="16">
        <v>7</v>
      </c>
      <c r="U134" s="84">
        <v>1.498</v>
      </c>
      <c r="V134" s="18">
        <v>15</v>
      </c>
      <c r="W134" s="21">
        <v>29</v>
      </c>
      <c r="X134" s="16" t="s">
        <v>45</v>
      </c>
      <c r="Y134" s="84">
        <v>1.784</v>
      </c>
      <c r="Z134" s="16">
        <v>13</v>
      </c>
      <c r="AA134" s="84">
        <v>1</v>
      </c>
      <c r="AB134" s="16">
        <v>30</v>
      </c>
      <c r="AC134" s="85">
        <v>1.7869999999999999</v>
      </c>
      <c r="AD134" s="17">
        <v>7</v>
      </c>
      <c r="AE134" s="84">
        <v>1.782</v>
      </c>
      <c r="AF134" s="16">
        <v>22</v>
      </c>
      <c r="AG134" s="84">
        <v>1.784</v>
      </c>
      <c r="AH134" s="18">
        <v>13</v>
      </c>
      <c r="AI134" s="84">
        <v>1.8879999999999999</v>
      </c>
      <c r="AJ134" s="16">
        <v>4</v>
      </c>
      <c r="AK134" s="84">
        <v>1.1180000000000001</v>
      </c>
      <c r="AL134" s="16">
        <v>32</v>
      </c>
      <c r="AM134" s="85">
        <v>1.7549999999999999</v>
      </c>
      <c r="AN134" s="17">
        <v>31</v>
      </c>
      <c r="AO134" s="84">
        <v>1.9710000000000001</v>
      </c>
      <c r="AP134" s="19">
        <v>2</v>
      </c>
      <c r="AQ134" s="84">
        <v>1.8879999999999999</v>
      </c>
      <c r="AR134" s="20">
        <v>4</v>
      </c>
    </row>
    <row r="135" spans="1:44" ht="14.1" customHeight="1" x14ac:dyDescent="0.15">
      <c r="A135" s="21">
        <v>30</v>
      </c>
      <c r="B135" s="15" t="s">
        <v>46</v>
      </c>
      <c r="C135" s="84">
        <v>15.385</v>
      </c>
      <c r="D135" s="16">
        <v>15</v>
      </c>
      <c r="E135" s="84">
        <v>0</v>
      </c>
      <c r="F135" s="16">
        <v>20</v>
      </c>
      <c r="G135" s="85">
        <v>17.7</v>
      </c>
      <c r="H135" s="17">
        <v>14</v>
      </c>
      <c r="I135" s="84">
        <v>13.923999999999999</v>
      </c>
      <c r="J135" s="16">
        <v>15</v>
      </c>
      <c r="K135" s="84">
        <v>15.385</v>
      </c>
      <c r="L135" s="18">
        <v>15</v>
      </c>
      <c r="M135" s="84">
        <v>1.4319999999999999</v>
      </c>
      <c r="N135" s="16">
        <v>29</v>
      </c>
      <c r="O135" s="84">
        <v>2</v>
      </c>
      <c r="P135" s="16">
        <v>1</v>
      </c>
      <c r="Q135" s="85">
        <v>1.474</v>
      </c>
      <c r="R135" s="17">
        <v>17</v>
      </c>
      <c r="S135" s="84">
        <v>1.4079999999999999</v>
      </c>
      <c r="T135" s="16">
        <v>31</v>
      </c>
      <c r="U135" s="84">
        <v>1.4319999999999999</v>
      </c>
      <c r="V135" s="18">
        <v>29</v>
      </c>
      <c r="W135" s="21">
        <v>30</v>
      </c>
      <c r="X135" s="16" t="s">
        <v>46</v>
      </c>
      <c r="Y135" s="84">
        <v>1.758</v>
      </c>
      <c r="Z135" s="16">
        <v>22</v>
      </c>
      <c r="AA135" s="84">
        <v>0</v>
      </c>
      <c r="AB135" s="16">
        <v>32</v>
      </c>
      <c r="AC135" s="85">
        <v>1.6890000000000001</v>
      </c>
      <c r="AD135" s="17">
        <v>26</v>
      </c>
      <c r="AE135" s="84">
        <v>1.8120000000000001</v>
      </c>
      <c r="AF135" s="16">
        <v>13</v>
      </c>
      <c r="AG135" s="84">
        <v>1.758</v>
      </c>
      <c r="AH135" s="18">
        <v>22</v>
      </c>
      <c r="AI135" s="84">
        <v>1.821</v>
      </c>
      <c r="AJ135" s="16">
        <v>17</v>
      </c>
      <c r="AK135" s="84">
        <v>2</v>
      </c>
      <c r="AL135" s="16">
        <v>3</v>
      </c>
      <c r="AM135" s="85">
        <v>1.913</v>
      </c>
      <c r="AN135" s="17">
        <v>8</v>
      </c>
      <c r="AO135" s="84">
        <v>1.7649999999999999</v>
      </c>
      <c r="AP135" s="19">
        <v>27</v>
      </c>
      <c r="AQ135" s="84">
        <v>1.821</v>
      </c>
      <c r="AR135" s="20">
        <v>16</v>
      </c>
    </row>
    <row r="136" spans="1:44" ht="14.1" customHeight="1" x14ac:dyDescent="0.15">
      <c r="A136" s="21">
        <v>31</v>
      </c>
      <c r="B136" s="15" t="s">
        <v>47</v>
      </c>
      <c r="C136" s="84">
        <v>14.503</v>
      </c>
      <c r="D136" s="16">
        <v>24</v>
      </c>
      <c r="E136" s="84">
        <v>1</v>
      </c>
      <c r="F136" s="16">
        <v>19</v>
      </c>
      <c r="G136" s="85">
        <v>15.795</v>
      </c>
      <c r="H136" s="17">
        <v>29</v>
      </c>
      <c r="I136" s="84">
        <v>13.765000000000001</v>
      </c>
      <c r="J136" s="16">
        <v>18</v>
      </c>
      <c r="K136" s="84">
        <v>14.494999999999999</v>
      </c>
      <c r="L136" s="18">
        <v>24</v>
      </c>
      <c r="M136" s="84">
        <v>1.42</v>
      </c>
      <c r="N136" s="16">
        <v>31</v>
      </c>
      <c r="O136" s="84">
        <v>1.0980000000000001</v>
      </c>
      <c r="P136" s="16">
        <v>32</v>
      </c>
      <c r="Q136" s="85">
        <v>1.4370000000000001</v>
      </c>
      <c r="R136" s="17">
        <v>30</v>
      </c>
      <c r="S136" s="84">
        <v>1.409</v>
      </c>
      <c r="T136" s="16">
        <v>30</v>
      </c>
      <c r="U136" s="84">
        <v>1.419</v>
      </c>
      <c r="V136" s="18">
        <v>31</v>
      </c>
      <c r="W136" s="21">
        <v>31</v>
      </c>
      <c r="X136" s="16" t="s">
        <v>47</v>
      </c>
      <c r="Y136" s="84">
        <v>1.732</v>
      </c>
      <c r="Z136" s="16">
        <v>26</v>
      </c>
      <c r="AA136" s="84">
        <v>1.375</v>
      </c>
      <c r="AB136" s="16">
        <v>28</v>
      </c>
      <c r="AC136" s="85">
        <v>1.74</v>
      </c>
      <c r="AD136" s="17">
        <v>17</v>
      </c>
      <c r="AE136" s="84">
        <v>1.726</v>
      </c>
      <c r="AF136" s="16">
        <v>30</v>
      </c>
      <c r="AG136" s="84">
        <v>1.732</v>
      </c>
      <c r="AH136" s="18">
        <v>26</v>
      </c>
      <c r="AI136" s="84">
        <v>1.788</v>
      </c>
      <c r="AJ136" s="16">
        <v>27</v>
      </c>
      <c r="AK136" s="84">
        <v>1.129</v>
      </c>
      <c r="AL136" s="16">
        <v>31</v>
      </c>
      <c r="AM136" s="85">
        <v>1.8160000000000001</v>
      </c>
      <c r="AN136" s="17">
        <v>22</v>
      </c>
      <c r="AO136" s="84">
        <v>1.77</v>
      </c>
      <c r="AP136" s="19">
        <v>25</v>
      </c>
      <c r="AQ136" s="84">
        <v>1.7869999999999999</v>
      </c>
      <c r="AR136" s="20">
        <v>27</v>
      </c>
    </row>
    <row r="137" spans="1:44" ht="14.1" customHeight="1" x14ac:dyDescent="0.15">
      <c r="A137" s="21">
        <v>32</v>
      </c>
      <c r="B137" s="15" t="s">
        <v>48</v>
      </c>
      <c r="C137" s="84">
        <v>15.826000000000001</v>
      </c>
      <c r="D137" s="16">
        <v>10</v>
      </c>
      <c r="E137" s="84">
        <v>0</v>
      </c>
      <c r="F137" s="16">
        <v>20</v>
      </c>
      <c r="G137" s="85">
        <v>18.099</v>
      </c>
      <c r="H137" s="17">
        <v>10</v>
      </c>
      <c r="I137" s="84">
        <v>14.234999999999999</v>
      </c>
      <c r="J137" s="16">
        <v>9</v>
      </c>
      <c r="K137" s="84">
        <v>15.826000000000001</v>
      </c>
      <c r="L137" s="18">
        <v>10</v>
      </c>
      <c r="M137" s="84">
        <v>1.468</v>
      </c>
      <c r="N137" s="16">
        <v>25</v>
      </c>
      <c r="O137" s="84">
        <v>1.4119999999999999</v>
      </c>
      <c r="P137" s="16">
        <v>15</v>
      </c>
      <c r="Q137" s="85">
        <v>1.444</v>
      </c>
      <c r="R137" s="17">
        <v>28</v>
      </c>
      <c r="S137" s="84">
        <v>1.484</v>
      </c>
      <c r="T137" s="16">
        <v>21</v>
      </c>
      <c r="U137" s="84">
        <v>1.468</v>
      </c>
      <c r="V137" s="18">
        <v>24</v>
      </c>
      <c r="W137" s="21">
        <v>32</v>
      </c>
      <c r="X137" s="16" t="s">
        <v>48</v>
      </c>
      <c r="Y137" s="84">
        <v>1.869</v>
      </c>
      <c r="Z137" s="16">
        <v>2</v>
      </c>
      <c r="AA137" s="84">
        <v>2</v>
      </c>
      <c r="AB137" s="16">
        <v>5</v>
      </c>
      <c r="AC137" s="85">
        <v>1.7989999999999999</v>
      </c>
      <c r="AD137" s="17">
        <v>6</v>
      </c>
      <c r="AE137" s="84">
        <v>1.927</v>
      </c>
      <c r="AF137" s="16">
        <v>3</v>
      </c>
      <c r="AG137" s="84">
        <v>1.869</v>
      </c>
      <c r="AH137" s="18">
        <v>2</v>
      </c>
      <c r="AI137" s="84">
        <v>1.857</v>
      </c>
      <c r="AJ137" s="16">
        <v>10</v>
      </c>
      <c r="AK137" s="84">
        <v>1.444</v>
      </c>
      <c r="AL137" s="16">
        <v>23</v>
      </c>
      <c r="AM137" s="85">
        <v>1.885</v>
      </c>
      <c r="AN137" s="17">
        <v>13</v>
      </c>
      <c r="AO137" s="84">
        <v>1.837</v>
      </c>
      <c r="AP137" s="19">
        <v>9</v>
      </c>
      <c r="AQ137" s="84">
        <v>1.8560000000000001</v>
      </c>
      <c r="AR137" s="20">
        <v>10</v>
      </c>
    </row>
    <row r="138" spans="1:44" ht="14.1" customHeight="1" thickBot="1" x14ac:dyDescent="0.2">
      <c r="A138" s="28">
        <v>33</v>
      </c>
      <c r="B138" s="29" t="s">
        <v>49</v>
      </c>
      <c r="C138" s="86">
        <v>17.364999999999998</v>
      </c>
      <c r="D138" s="30">
        <v>2</v>
      </c>
      <c r="E138" s="86">
        <v>0</v>
      </c>
      <c r="F138" s="30">
        <v>20</v>
      </c>
      <c r="G138" s="87">
        <v>19.978999999999999</v>
      </c>
      <c r="H138" s="31">
        <v>3</v>
      </c>
      <c r="I138" s="86">
        <v>15.224</v>
      </c>
      <c r="J138" s="30">
        <v>4</v>
      </c>
      <c r="K138" s="88">
        <v>17.364999999999998</v>
      </c>
      <c r="L138" s="32">
        <v>2</v>
      </c>
      <c r="M138" s="86">
        <v>1.3979999999999999</v>
      </c>
      <c r="N138" s="30">
        <v>33</v>
      </c>
      <c r="O138" s="86">
        <v>0</v>
      </c>
      <c r="P138" s="30">
        <v>33</v>
      </c>
      <c r="Q138" s="87">
        <v>1.36</v>
      </c>
      <c r="R138" s="31">
        <v>33</v>
      </c>
      <c r="S138" s="86">
        <v>1.419</v>
      </c>
      <c r="T138" s="30">
        <v>29</v>
      </c>
      <c r="U138" s="88">
        <v>1.3979999999999999</v>
      </c>
      <c r="V138" s="32">
        <v>33</v>
      </c>
      <c r="W138" s="28">
        <v>33</v>
      </c>
      <c r="X138" s="30" t="s">
        <v>49</v>
      </c>
      <c r="Y138" s="86">
        <v>1.7250000000000001</v>
      </c>
      <c r="Z138" s="30">
        <v>28</v>
      </c>
      <c r="AA138" s="86">
        <v>0</v>
      </c>
      <c r="AB138" s="30">
        <v>32</v>
      </c>
      <c r="AC138" s="87">
        <v>1.621</v>
      </c>
      <c r="AD138" s="31">
        <v>32</v>
      </c>
      <c r="AE138" s="86">
        <v>1.7909999999999999</v>
      </c>
      <c r="AF138" s="30">
        <v>18</v>
      </c>
      <c r="AG138" s="88">
        <v>1.7250000000000001</v>
      </c>
      <c r="AH138" s="32">
        <v>28</v>
      </c>
      <c r="AI138" s="86">
        <v>1.8520000000000001</v>
      </c>
      <c r="AJ138" s="30">
        <v>11</v>
      </c>
      <c r="AK138" s="86">
        <v>0</v>
      </c>
      <c r="AL138" s="30">
        <v>33</v>
      </c>
      <c r="AM138" s="87">
        <v>1.98</v>
      </c>
      <c r="AN138" s="31">
        <v>4</v>
      </c>
      <c r="AO138" s="86">
        <v>1.7789999999999999</v>
      </c>
      <c r="AP138" s="33">
        <v>24</v>
      </c>
      <c r="AQ138" s="88">
        <v>1.8520000000000001</v>
      </c>
      <c r="AR138" s="34">
        <v>11</v>
      </c>
    </row>
    <row r="139" spans="1:44" ht="14.1" customHeight="1" thickTop="1" x14ac:dyDescent="0.15">
      <c r="A139" s="14">
        <v>301</v>
      </c>
      <c r="B139" s="48" t="s">
        <v>92</v>
      </c>
      <c r="C139" s="89">
        <v>9.3870000000000005</v>
      </c>
      <c r="D139" s="25">
        <v>5</v>
      </c>
      <c r="E139" s="79" t="s">
        <v>93</v>
      </c>
      <c r="F139" s="79" t="s">
        <v>93</v>
      </c>
      <c r="G139" s="90">
        <v>9.5519999999999996</v>
      </c>
      <c r="H139" s="44">
        <v>3</v>
      </c>
      <c r="I139" s="89">
        <v>8.984</v>
      </c>
      <c r="J139" s="25">
        <v>5</v>
      </c>
      <c r="K139" s="91">
        <v>9.3870000000000005</v>
      </c>
      <c r="L139" s="45">
        <v>5</v>
      </c>
      <c r="M139" s="89">
        <v>1.367</v>
      </c>
      <c r="N139" s="25">
        <v>5</v>
      </c>
      <c r="O139" s="46" t="s">
        <v>51</v>
      </c>
      <c r="P139" s="46" t="s">
        <v>93</v>
      </c>
      <c r="Q139" s="90">
        <v>1.349</v>
      </c>
      <c r="R139" s="44">
        <v>4</v>
      </c>
      <c r="S139" s="89">
        <v>1.454</v>
      </c>
      <c r="T139" s="25">
        <v>4</v>
      </c>
      <c r="U139" s="91">
        <v>1.367</v>
      </c>
      <c r="V139" s="45">
        <v>5</v>
      </c>
      <c r="W139" s="14">
        <v>301</v>
      </c>
      <c r="X139" s="42" t="s">
        <v>92</v>
      </c>
      <c r="Y139" s="89">
        <v>1.556</v>
      </c>
      <c r="Z139" s="25">
        <v>5</v>
      </c>
      <c r="AA139" s="46" t="s">
        <v>93</v>
      </c>
      <c r="AB139" s="46" t="s">
        <v>51</v>
      </c>
      <c r="AC139" s="90">
        <v>1.544</v>
      </c>
      <c r="AD139" s="44">
        <v>5</v>
      </c>
      <c r="AE139" s="89">
        <v>1.6120000000000001</v>
      </c>
      <c r="AF139" s="25">
        <v>5</v>
      </c>
      <c r="AG139" s="91">
        <v>1.556</v>
      </c>
      <c r="AH139" s="45">
        <v>5</v>
      </c>
      <c r="AI139" s="89">
        <v>1.498</v>
      </c>
      <c r="AJ139" s="25">
        <v>4</v>
      </c>
      <c r="AK139" s="46" t="s">
        <v>93</v>
      </c>
      <c r="AL139" s="46" t="s">
        <v>93</v>
      </c>
      <c r="AM139" s="90">
        <v>1.472</v>
      </c>
      <c r="AN139" s="44">
        <v>4</v>
      </c>
      <c r="AO139" s="89">
        <v>1.6240000000000001</v>
      </c>
      <c r="AP139" s="47">
        <v>5</v>
      </c>
      <c r="AQ139" s="91">
        <v>1.498</v>
      </c>
      <c r="AR139" s="20">
        <v>4</v>
      </c>
    </row>
    <row r="140" spans="1:44" ht="14.1" customHeight="1" x14ac:dyDescent="0.15">
      <c r="A140" s="21">
        <v>302</v>
      </c>
      <c r="B140" s="48" t="s">
        <v>94</v>
      </c>
      <c r="C140" s="84">
        <v>7.9240000000000004</v>
      </c>
      <c r="D140" s="16">
        <v>6</v>
      </c>
      <c r="E140" s="49" t="s">
        <v>93</v>
      </c>
      <c r="F140" s="49" t="s">
        <v>93</v>
      </c>
      <c r="G140" s="85">
        <v>7.7320000000000002</v>
      </c>
      <c r="H140" s="17">
        <v>6</v>
      </c>
      <c r="I140" s="84">
        <v>8.6370000000000005</v>
      </c>
      <c r="J140" s="16">
        <v>6</v>
      </c>
      <c r="K140" s="84">
        <v>7.9240000000000004</v>
      </c>
      <c r="L140" s="18">
        <v>6</v>
      </c>
      <c r="M140" s="84">
        <v>1.353</v>
      </c>
      <c r="N140" s="16">
        <v>6</v>
      </c>
      <c r="O140" s="50" t="s">
        <v>93</v>
      </c>
      <c r="P140" s="50" t="s">
        <v>93</v>
      </c>
      <c r="Q140" s="85">
        <v>1.34</v>
      </c>
      <c r="R140" s="17">
        <v>6</v>
      </c>
      <c r="S140" s="84">
        <v>1.4319999999999999</v>
      </c>
      <c r="T140" s="16">
        <v>6</v>
      </c>
      <c r="U140" s="84">
        <v>1.353</v>
      </c>
      <c r="V140" s="18">
        <v>6</v>
      </c>
      <c r="W140" s="21">
        <v>302</v>
      </c>
      <c r="X140" s="42" t="s">
        <v>94</v>
      </c>
      <c r="Y140" s="84">
        <v>1.4930000000000001</v>
      </c>
      <c r="Z140" s="16">
        <v>6</v>
      </c>
      <c r="AA140" s="50" t="s">
        <v>93</v>
      </c>
      <c r="AB140" s="50" t="s">
        <v>93</v>
      </c>
      <c r="AC140" s="85">
        <v>1.4890000000000001</v>
      </c>
      <c r="AD140" s="17">
        <v>6</v>
      </c>
      <c r="AE140" s="84">
        <v>1.532</v>
      </c>
      <c r="AF140" s="16">
        <v>6</v>
      </c>
      <c r="AG140" s="84">
        <v>1.4930000000000001</v>
      </c>
      <c r="AH140" s="18">
        <v>6</v>
      </c>
      <c r="AI140" s="84">
        <v>1.446</v>
      </c>
      <c r="AJ140" s="16">
        <v>6</v>
      </c>
      <c r="AK140" s="50" t="s">
        <v>93</v>
      </c>
      <c r="AL140" s="50" t="s">
        <v>51</v>
      </c>
      <c r="AM140" s="85">
        <v>1.425</v>
      </c>
      <c r="AN140" s="17">
        <v>6</v>
      </c>
      <c r="AO140" s="84">
        <v>1.573</v>
      </c>
      <c r="AP140" s="19">
        <v>6</v>
      </c>
      <c r="AQ140" s="84">
        <v>1.446</v>
      </c>
      <c r="AR140" s="20">
        <v>6</v>
      </c>
    </row>
    <row r="141" spans="1:44" ht="14.1" customHeight="1" x14ac:dyDescent="0.15">
      <c r="A141" s="21">
        <v>303</v>
      </c>
      <c r="B141" s="48" t="s">
        <v>95</v>
      </c>
      <c r="C141" s="84">
        <v>10.47</v>
      </c>
      <c r="D141" s="16">
        <v>1</v>
      </c>
      <c r="E141" s="49" t="s">
        <v>93</v>
      </c>
      <c r="F141" s="49" t="s">
        <v>93</v>
      </c>
      <c r="G141" s="85">
        <v>10.256</v>
      </c>
      <c r="H141" s="17">
        <v>1</v>
      </c>
      <c r="I141" s="84">
        <v>10.781000000000001</v>
      </c>
      <c r="J141" s="16">
        <v>3</v>
      </c>
      <c r="K141" s="84">
        <v>10.47</v>
      </c>
      <c r="L141" s="18">
        <v>1</v>
      </c>
      <c r="M141" s="84">
        <v>1.446</v>
      </c>
      <c r="N141" s="16">
        <v>1</v>
      </c>
      <c r="O141" s="50" t="s">
        <v>93</v>
      </c>
      <c r="P141" s="50" t="s">
        <v>93</v>
      </c>
      <c r="Q141" s="85">
        <v>1.4059999999999999</v>
      </c>
      <c r="R141" s="17">
        <v>1</v>
      </c>
      <c r="S141" s="84">
        <v>1.526</v>
      </c>
      <c r="T141" s="16">
        <v>2</v>
      </c>
      <c r="U141" s="84">
        <v>1.446</v>
      </c>
      <c r="V141" s="18">
        <v>1</v>
      </c>
      <c r="W141" s="21">
        <v>303</v>
      </c>
      <c r="X141" s="42" t="s">
        <v>95</v>
      </c>
      <c r="Y141" s="84">
        <v>1.8009999999999999</v>
      </c>
      <c r="Z141" s="16">
        <v>1</v>
      </c>
      <c r="AA141" s="50" t="s">
        <v>93</v>
      </c>
      <c r="AB141" s="50" t="s">
        <v>51</v>
      </c>
      <c r="AC141" s="85">
        <v>1.78</v>
      </c>
      <c r="AD141" s="17">
        <v>1</v>
      </c>
      <c r="AE141" s="84">
        <v>1.8560000000000001</v>
      </c>
      <c r="AF141" s="16">
        <v>3</v>
      </c>
      <c r="AG141" s="84">
        <v>1.8009999999999999</v>
      </c>
      <c r="AH141" s="18">
        <v>1</v>
      </c>
      <c r="AI141" s="84">
        <v>1.6439999999999999</v>
      </c>
      <c r="AJ141" s="16">
        <v>1</v>
      </c>
      <c r="AK141" s="50" t="s">
        <v>93</v>
      </c>
      <c r="AL141" s="50" t="s">
        <v>93</v>
      </c>
      <c r="AM141" s="85">
        <v>1.597</v>
      </c>
      <c r="AN141" s="17">
        <v>1</v>
      </c>
      <c r="AO141" s="84">
        <v>1.7470000000000001</v>
      </c>
      <c r="AP141" s="19">
        <v>2</v>
      </c>
      <c r="AQ141" s="84">
        <v>1.6439999999999999</v>
      </c>
      <c r="AR141" s="20">
        <v>1</v>
      </c>
    </row>
    <row r="142" spans="1:44" ht="14.1" customHeight="1" x14ac:dyDescent="0.15">
      <c r="A142" s="21">
        <v>304</v>
      </c>
      <c r="B142" s="48" t="s">
        <v>60</v>
      </c>
      <c r="C142" s="84">
        <v>9.6370000000000005</v>
      </c>
      <c r="D142" s="16">
        <v>4</v>
      </c>
      <c r="E142" s="49" t="s">
        <v>93</v>
      </c>
      <c r="F142" s="49" t="s">
        <v>93</v>
      </c>
      <c r="G142" s="85">
        <v>9.85</v>
      </c>
      <c r="H142" s="17">
        <v>2</v>
      </c>
      <c r="I142" s="84">
        <v>9.0749999999999993</v>
      </c>
      <c r="J142" s="16">
        <v>4</v>
      </c>
      <c r="K142" s="84">
        <v>9.6370000000000005</v>
      </c>
      <c r="L142" s="18">
        <v>4</v>
      </c>
      <c r="M142" s="84">
        <v>1.37</v>
      </c>
      <c r="N142" s="16">
        <v>4</v>
      </c>
      <c r="O142" s="50" t="s">
        <v>93</v>
      </c>
      <c r="P142" s="50" t="s">
        <v>51</v>
      </c>
      <c r="Q142" s="85">
        <v>1.347</v>
      </c>
      <c r="R142" s="17">
        <v>5</v>
      </c>
      <c r="S142" s="84">
        <v>1.4910000000000001</v>
      </c>
      <c r="T142" s="16">
        <v>3</v>
      </c>
      <c r="U142" s="84">
        <v>1.37</v>
      </c>
      <c r="V142" s="18">
        <v>4</v>
      </c>
      <c r="W142" s="21">
        <v>304</v>
      </c>
      <c r="X142" s="42" t="s">
        <v>60</v>
      </c>
      <c r="Y142" s="84">
        <v>1.6</v>
      </c>
      <c r="Z142" s="16">
        <v>4</v>
      </c>
      <c r="AA142" s="50" t="s">
        <v>93</v>
      </c>
      <c r="AB142" s="50" t="s">
        <v>93</v>
      </c>
      <c r="AC142" s="85">
        <v>1.5760000000000001</v>
      </c>
      <c r="AD142" s="17">
        <v>4</v>
      </c>
      <c r="AE142" s="84">
        <v>1.734</v>
      </c>
      <c r="AF142" s="16">
        <v>4</v>
      </c>
      <c r="AG142" s="84">
        <v>1.6</v>
      </c>
      <c r="AH142" s="18">
        <v>4</v>
      </c>
      <c r="AI142" s="84">
        <v>1.492</v>
      </c>
      <c r="AJ142" s="16">
        <v>5</v>
      </c>
      <c r="AK142" s="50" t="s">
        <v>93</v>
      </c>
      <c r="AL142" s="50" t="s">
        <v>93</v>
      </c>
      <c r="AM142" s="85">
        <v>1.4610000000000001</v>
      </c>
      <c r="AN142" s="17">
        <v>5</v>
      </c>
      <c r="AO142" s="84">
        <v>1.6579999999999999</v>
      </c>
      <c r="AP142" s="19">
        <v>4</v>
      </c>
      <c r="AQ142" s="84">
        <v>1.492</v>
      </c>
      <c r="AR142" s="20">
        <v>5</v>
      </c>
    </row>
    <row r="143" spans="1:44" ht="14.1" customHeight="1" x14ac:dyDescent="0.15">
      <c r="A143" s="21">
        <v>305</v>
      </c>
      <c r="B143" s="48" t="s">
        <v>96</v>
      </c>
      <c r="C143" s="84">
        <v>10.406000000000001</v>
      </c>
      <c r="D143" s="16">
        <v>2</v>
      </c>
      <c r="E143" s="49" t="s">
        <v>93</v>
      </c>
      <c r="F143" s="49" t="s">
        <v>93</v>
      </c>
      <c r="G143" s="85">
        <v>9.5120000000000005</v>
      </c>
      <c r="H143" s="17">
        <v>4</v>
      </c>
      <c r="I143" s="84">
        <v>11.968</v>
      </c>
      <c r="J143" s="16">
        <v>1</v>
      </c>
      <c r="K143" s="84">
        <v>10.406000000000001</v>
      </c>
      <c r="L143" s="18">
        <v>2</v>
      </c>
      <c r="M143" s="84">
        <v>1.377</v>
      </c>
      <c r="N143" s="16">
        <v>3</v>
      </c>
      <c r="O143" s="50" t="s">
        <v>93</v>
      </c>
      <c r="P143" s="50" t="s">
        <v>93</v>
      </c>
      <c r="Q143" s="85">
        <v>1.353</v>
      </c>
      <c r="R143" s="17">
        <v>3</v>
      </c>
      <c r="S143" s="84">
        <v>1.452</v>
      </c>
      <c r="T143" s="16">
        <v>5</v>
      </c>
      <c r="U143" s="84">
        <v>1.377</v>
      </c>
      <c r="V143" s="18">
        <v>3</v>
      </c>
      <c r="W143" s="21">
        <v>305</v>
      </c>
      <c r="X143" s="42" t="s">
        <v>96</v>
      </c>
      <c r="Y143" s="84">
        <v>1.718</v>
      </c>
      <c r="Z143" s="16">
        <v>3</v>
      </c>
      <c r="AA143" s="50" t="s">
        <v>93</v>
      </c>
      <c r="AB143" s="50" t="s">
        <v>93</v>
      </c>
      <c r="AC143" s="85">
        <v>1.6830000000000001</v>
      </c>
      <c r="AD143" s="17">
        <v>3</v>
      </c>
      <c r="AE143" s="84">
        <v>1.8839999999999999</v>
      </c>
      <c r="AF143" s="16">
        <v>2</v>
      </c>
      <c r="AG143" s="84">
        <v>1.718</v>
      </c>
      <c r="AH143" s="18">
        <v>3</v>
      </c>
      <c r="AI143" s="84">
        <v>1.56</v>
      </c>
      <c r="AJ143" s="16">
        <v>3</v>
      </c>
      <c r="AK143" s="50" t="s">
        <v>93</v>
      </c>
      <c r="AL143" s="50" t="s">
        <v>93</v>
      </c>
      <c r="AM143" s="85">
        <v>1.51</v>
      </c>
      <c r="AN143" s="17">
        <v>3</v>
      </c>
      <c r="AO143" s="84">
        <v>1.73</v>
      </c>
      <c r="AP143" s="19">
        <v>3</v>
      </c>
      <c r="AQ143" s="84">
        <v>1.56</v>
      </c>
      <c r="AR143" s="20">
        <v>3</v>
      </c>
    </row>
    <row r="144" spans="1:44" ht="14.1" customHeight="1" thickBot="1" x14ac:dyDescent="0.2">
      <c r="A144" s="51">
        <v>306</v>
      </c>
      <c r="B144" s="52" t="s">
        <v>97</v>
      </c>
      <c r="C144" s="86">
        <v>9.7219999999999995</v>
      </c>
      <c r="D144" s="30">
        <v>3</v>
      </c>
      <c r="E144" s="53" t="s">
        <v>93</v>
      </c>
      <c r="F144" s="53" t="s">
        <v>93</v>
      </c>
      <c r="G144" s="87">
        <v>8.875</v>
      </c>
      <c r="H144" s="31">
        <v>5</v>
      </c>
      <c r="I144" s="86">
        <v>11.638</v>
      </c>
      <c r="J144" s="30">
        <v>2</v>
      </c>
      <c r="K144" s="88">
        <v>9.7219999999999995</v>
      </c>
      <c r="L144" s="32">
        <v>3</v>
      </c>
      <c r="M144" s="86">
        <v>1.431</v>
      </c>
      <c r="N144" s="30">
        <v>2</v>
      </c>
      <c r="O144" s="8" t="s">
        <v>93</v>
      </c>
      <c r="P144" s="8" t="s">
        <v>93</v>
      </c>
      <c r="Q144" s="87">
        <v>1.3939999999999999</v>
      </c>
      <c r="R144" s="31">
        <v>2</v>
      </c>
      <c r="S144" s="86">
        <v>1.5640000000000001</v>
      </c>
      <c r="T144" s="30">
        <v>1</v>
      </c>
      <c r="U144" s="88">
        <v>1.431</v>
      </c>
      <c r="V144" s="32">
        <v>2</v>
      </c>
      <c r="W144" s="51">
        <v>306</v>
      </c>
      <c r="X144" s="54" t="s">
        <v>97</v>
      </c>
      <c r="Y144" s="86">
        <v>1.754</v>
      </c>
      <c r="Z144" s="30">
        <v>2</v>
      </c>
      <c r="AA144" s="8" t="s">
        <v>93</v>
      </c>
      <c r="AB144" s="8" t="s">
        <v>93</v>
      </c>
      <c r="AC144" s="87">
        <v>1.7230000000000001</v>
      </c>
      <c r="AD144" s="31">
        <v>2</v>
      </c>
      <c r="AE144" s="86">
        <v>1.917</v>
      </c>
      <c r="AF144" s="30">
        <v>1</v>
      </c>
      <c r="AG144" s="88">
        <v>1.754</v>
      </c>
      <c r="AH144" s="32">
        <v>2</v>
      </c>
      <c r="AI144" s="86">
        <v>1.6180000000000001</v>
      </c>
      <c r="AJ144" s="30">
        <v>2</v>
      </c>
      <c r="AK144" s="8" t="s">
        <v>93</v>
      </c>
      <c r="AL144" s="8" t="s">
        <v>93</v>
      </c>
      <c r="AM144" s="87">
        <v>1.56</v>
      </c>
      <c r="AN144" s="31">
        <v>2</v>
      </c>
      <c r="AO144" s="86">
        <v>1.8420000000000001</v>
      </c>
      <c r="AP144" s="33">
        <v>1</v>
      </c>
      <c r="AQ144" s="88">
        <v>1.6180000000000001</v>
      </c>
      <c r="AR144" s="34">
        <v>2</v>
      </c>
    </row>
    <row r="145" spans="1:44" ht="14.1" customHeight="1" thickTop="1" thickBot="1" x14ac:dyDescent="0.2">
      <c r="A145" s="410" t="s">
        <v>98</v>
      </c>
      <c r="B145" s="405"/>
      <c r="C145" s="86">
        <v>14.648</v>
      </c>
      <c r="D145" s="53" t="s">
        <v>93</v>
      </c>
      <c r="E145" s="92">
        <v>16.568000000000001</v>
      </c>
      <c r="F145" s="53" t="s">
        <v>93</v>
      </c>
      <c r="G145" s="87">
        <v>16.645</v>
      </c>
      <c r="H145" s="93" t="s">
        <v>93</v>
      </c>
      <c r="I145" s="86">
        <v>13.259</v>
      </c>
      <c r="J145" s="53" t="s">
        <v>93</v>
      </c>
      <c r="K145" s="94">
        <v>14.648999999999999</v>
      </c>
      <c r="L145" s="59" t="s">
        <v>93</v>
      </c>
      <c r="M145" s="86">
        <v>1.538</v>
      </c>
      <c r="N145" s="62" t="s">
        <v>93</v>
      </c>
      <c r="O145" s="92">
        <v>1.5409999999999999</v>
      </c>
      <c r="P145" s="62" t="s">
        <v>93</v>
      </c>
      <c r="Q145" s="87">
        <v>1.502</v>
      </c>
      <c r="R145" s="93" t="s">
        <v>93</v>
      </c>
      <c r="S145" s="86">
        <v>1.5629999999999999</v>
      </c>
      <c r="T145" s="62" t="s">
        <v>93</v>
      </c>
      <c r="U145" s="94">
        <v>1.538</v>
      </c>
      <c r="V145" s="61" t="s">
        <v>93</v>
      </c>
      <c r="W145" s="410" t="s">
        <v>98</v>
      </c>
      <c r="X145" s="405"/>
      <c r="Y145" s="86">
        <v>1.7669999999999999</v>
      </c>
      <c r="Z145" s="62" t="s">
        <v>93</v>
      </c>
      <c r="AA145" s="92">
        <v>1.7589999999999999</v>
      </c>
      <c r="AB145" s="62" t="s">
        <v>51</v>
      </c>
      <c r="AC145" s="87">
        <v>1.7430000000000001</v>
      </c>
      <c r="AD145" s="93" t="s">
        <v>93</v>
      </c>
      <c r="AE145" s="86">
        <v>1.7869999999999999</v>
      </c>
      <c r="AF145" s="62" t="s">
        <v>93</v>
      </c>
      <c r="AG145" s="94">
        <v>1.7669999999999999</v>
      </c>
      <c r="AH145" s="61" t="s">
        <v>93</v>
      </c>
      <c r="AI145" s="86">
        <v>1.83</v>
      </c>
      <c r="AJ145" s="62" t="s">
        <v>51</v>
      </c>
      <c r="AK145" s="92">
        <v>1.8240000000000001</v>
      </c>
      <c r="AL145" s="62" t="s">
        <v>93</v>
      </c>
      <c r="AM145" s="87">
        <v>1.833</v>
      </c>
      <c r="AN145" s="93" t="s">
        <v>93</v>
      </c>
      <c r="AO145" s="86">
        <v>1.8280000000000001</v>
      </c>
      <c r="AP145" s="62" t="s">
        <v>93</v>
      </c>
      <c r="AQ145" s="95">
        <v>1.83</v>
      </c>
      <c r="AR145" s="61" t="s">
        <v>51</v>
      </c>
    </row>
    <row r="146" spans="1:44" ht="14.1" customHeight="1" thickTop="1" thickBot="1" x14ac:dyDescent="0.2">
      <c r="A146" s="404" t="s">
        <v>69</v>
      </c>
      <c r="B146" s="405"/>
      <c r="C146" s="86">
        <v>15.44</v>
      </c>
      <c r="D146" s="53" t="s">
        <v>93</v>
      </c>
      <c r="E146" s="86">
        <v>20.5</v>
      </c>
      <c r="F146" s="53" t="s">
        <v>93</v>
      </c>
      <c r="G146" s="87">
        <v>17.834</v>
      </c>
      <c r="H146" s="93" t="s">
        <v>93</v>
      </c>
      <c r="I146" s="86">
        <v>13.984</v>
      </c>
      <c r="J146" s="53" t="s">
        <v>93</v>
      </c>
      <c r="K146" s="96">
        <v>15.443</v>
      </c>
      <c r="L146" s="97" t="s">
        <v>93</v>
      </c>
      <c r="M146" s="86">
        <v>1.464</v>
      </c>
      <c r="N146" s="62" t="s">
        <v>93</v>
      </c>
      <c r="O146" s="86">
        <v>1.423</v>
      </c>
      <c r="P146" s="62" t="s">
        <v>93</v>
      </c>
      <c r="Q146" s="87">
        <v>1.4590000000000001</v>
      </c>
      <c r="R146" s="93" t="s">
        <v>93</v>
      </c>
      <c r="S146" s="86">
        <v>1.4690000000000001</v>
      </c>
      <c r="T146" s="62" t="s">
        <v>93</v>
      </c>
      <c r="U146" s="95">
        <v>1.464</v>
      </c>
      <c r="V146" s="61" t="s">
        <v>93</v>
      </c>
      <c r="W146" s="404" t="s">
        <v>69</v>
      </c>
      <c r="X146" s="405"/>
      <c r="Y146" s="86">
        <v>1.7609999999999999</v>
      </c>
      <c r="Z146" s="62" t="s">
        <v>93</v>
      </c>
      <c r="AA146" s="86">
        <v>1.746</v>
      </c>
      <c r="AB146" s="62" t="s">
        <v>93</v>
      </c>
      <c r="AC146" s="87">
        <v>1.7230000000000001</v>
      </c>
      <c r="AD146" s="93" t="s">
        <v>93</v>
      </c>
      <c r="AE146" s="86">
        <v>1.7889999999999999</v>
      </c>
      <c r="AF146" s="62" t="s">
        <v>93</v>
      </c>
      <c r="AG146" s="96">
        <v>1.7609999999999999</v>
      </c>
      <c r="AH146" s="61" t="s">
        <v>51</v>
      </c>
      <c r="AI146" s="86">
        <v>1.8140000000000001</v>
      </c>
      <c r="AJ146" s="62" t="s">
        <v>93</v>
      </c>
      <c r="AK146" s="86">
        <v>1.7769999999999999</v>
      </c>
      <c r="AL146" s="62" t="s">
        <v>93</v>
      </c>
      <c r="AM146" s="87">
        <v>1.857</v>
      </c>
      <c r="AN146" s="93" t="s">
        <v>51</v>
      </c>
      <c r="AO146" s="86">
        <v>1.79</v>
      </c>
      <c r="AP146" s="62" t="s">
        <v>51</v>
      </c>
      <c r="AQ146" s="94">
        <v>1.8140000000000001</v>
      </c>
      <c r="AR146" s="61" t="s">
        <v>51</v>
      </c>
    </row>
    <row r="147" spans="1:44" ht="14.1" customHeight="1" thickTop="1" thickBot="1" x14ac:dyDescent="0.2">
      <c r="A147" s="404" t="s">
        <v>71</v>
      </c>
      <c r="B147" s="405"/>
      <c r="C147" s="86">
        <v>14.682</v>
      </c>
      <c r="D147" s="53" t="s">
        <v>93</v>
      </c>
      <c r="E147" s="86">
        <v>16.771999999999998</v>
      </c>
      <c r="F147" s="53" t="s">
        <v>93</v>
      </c>
      <c r="G147" s="87">
        <v>16.704000000000001</v>
      </c>
      <c r="H147" s="93" t="s">
        <v>51</v>
      </c>
      <c r="I147" s="86">
        <v>13.292</v>
      </c>
      <c r="J147" s="53" t="s">
        <v>93</v>
      </c>
      <c r="K147" s="95">
        <v>14.683</v>
      </c>
      <c r="L147" s="97" t="s">
        <v>93</v>
      </c>
      <c r="M147" s="86">
        <v>1.5349999999999999</v>
      </c>
      <c r="N147" s="62" t="s">
        <v>93</v>
      </c>
      <c r="O147" s="86">
        <v>1.5349999999999999</v>
      </c>
      <c r="P147" s="62" t="s">
        <v>93</v>
      </c>
      <c r="Q147" s="87">
        <v>1.5</v>
      </c>
      <c r="R147" s="93" t="s">
        <v>93</v>
      </c>
      <c r="S147" s="86">
        <v>1.5589999999999999</v>
      </c>
      <c r="T147" s="62" t="s">
        <v>93</v>
      </c>
      <c r="U147" s="95">
        <v>1.5349999999999999</v>
      </c>
      <c r="V147" s="61" t="s">
        <v>93</v>
      </c>
      <c r="W147" s="404" t="s">
        <v>71</v>
      </c>
      <c r="X147" s="405"/>
      <c r="Y147" s="86">
        <v>1.7669999999999999</v>
      </c>
      <c r="Z147" s="62" t="s">
        <v>93</v>
      </c>
      <c r="AA147" s="86">
        <v>1.7589999999999999</v>
      </c>
      <c r="AB147" s="62" t="s">
        <v>93</v>
      </c>
      <c r="AC147" s="87">
        <v>1.742</v>
      </c>
      <c r="AD147" s="93" t="s">
        <v>93</v>
      </c>
      <c r="AE147" s="86">
        <v>1.7869999999999999</v>
      </c>
      <c r="AF147" s="62" t="s">
        <v>93</v>
      </c>
      <c r="AG147" s="95">
        <v>1.7669999999999999</v>
      </c>
      <c r="AH147" s="61" t="s">
        <v>93</v>
      </c>
      <c r="AI147" s="86">
        <v>1.829</v>
      </c>
      <c r="AJ147" s="62" t="s">
        <v>93</v>
      </c>
      <c r="AK147" s="86">
        <v>1.8220000000000001</v>
      </c>
      <c r="AL147" s="62" t="s">
        <v>93</v>
      </c>
      <c r="AM147" s="87">
        <v>1.8340000000000001</v>
      </c>
      <c r="AN147" s="93" t="s">
        <v>93</v>
      </c>
      <c r="AO147" s="86">
        <v>1.8260000000000001</v>
      </c>
      <c r="AP147" s="62" t="s">
        <v>93</v>
      </c>
      <c r="AQ147" s="96">
        <v>1.829</v>
      </c>
      <c r="AR147" s="61" t="s">
        <v>93</v>
      </c>
    </row>
    <row r="148" spans="1:44" ht="14.1" customHeight="1" thickTop="1" thickBot="1" x14ac:dyDescent="0.2">
      <c r="A148" s="404" t="s">
        <v>99</v>
      </c>
      <c r="B148" s="405"/>
      <c r="C148" s="86">
        <v>9.6379999999999999</v>
      </c>
      <c r="D148" s="53" t="s">
        <v>93</v>
      </c>
      <c r="E148" s="53" t="s">
        <v>51</v>
      </c>
      <c r="F148" s="53" t="s">
        <v>93</v>
      </c>
      <c r="G148" s="87">
        <v>8.9930000000000003</v>
      </c>
      <c r="H148" s="93" t="s">
        <v>93</v>
      </c>
      <c r="I148" s="86">
        <v>11.074</v>
      </c>
      <c r="J148" s="53" t="s">
        <v>93</v>
      </c>
      <c r="K148" s="95">
        <v>9.6379999999999999</v>
      </c>
      <c r="L148" s="97" t="s">
        <v>93</v>
      </c>
      <c r="M148" s="86">
        <v>1.411</v>
      </c>
      <c r="N148" s="62" t="s">
        <v>93</v>
      </c>
      <c r="O148" s="62" t="s">
        <v>93</v>
      </c>
      <c r="P148" s="62" t="s">
        <v>93</v>
      </c>
      <c r="Q148" s="87">
        <v>1.379</v>
      </c>
      <c r="R148" s="93" t="s">
        <v>93</v>
      </c>
      <c r="S148" s="86">
        <v>1.5289999999999999</v>
      </c>
      <c r="T148" s="62" t="s">
        <v>93</v>
      </c>
      <c r="U148" s="95">
        <v>1.411</v>
      </c>
      <c r="V148" s="61" t="s">
        <v>93</v>
      </c>
      <c r="W148" s="404" t="s">
        <v>99</v>
      </c>
      <c r="X148" s="405"/>
      <c r="Y148" s="86">
        <v>1.7130000000000001</v>
      </c>
      <c r="Z148" s="62" t="s">
        <v>93</v>
      </c>
      <c r="AA148" s="62" t="s">
        <v>93</v>
      </c>
      <c r="AB148" s="62" t="s">
        <v>93</v>
      </c>
      <c r="AC148" s="87">
        <v>1.6850000000000001</v>
      </c>
      <c r="AD148" s="93" t="s">
        <v>93</v>
      </c>
      <c r="AE148" s="86">
        <v>1.8460000000000001</v>
      </c>
      <c r="AF148" s="62" t="s">
        <v>93</v>
      </c>
      <c r="AG148" s="94">
        <v>1.7130000000000001</v>
      </c>
      <c r="AH148" s="61" t="s">
        <v>93</v>
      </c>
      <c r="AI148" s="86">
        <v>1.5820000000000001</v>
      </c>
      <c r="AJ148" s="62" t="s">
        <v>93</v>
      </c>
      <c r="AK148" s="62" t="s">
        <v>93</v>
      </c>
      <c r="AL148" s="62" t="s">
        <v>93</v>
      </c>
      <c r="AM148" s="87">
        <v>1.532</v>
      </c>
      <c r="AN148" s="93" t="s">
        <v>93</v>
      </c>
      <c r="AO148" s="86">
        <v>1.774</v>
      </c>
      <c r="AP148" s="62" t="s">
        <v>93</v>
      </c>
      <c r="AQ148" s="95">
        <v>1.5820000000000001</v>
      </c>
      <c r="AR148" s="61" t="s">
        <v>51</v>
      </c>
    </row>
    <row r="149" spans="1:44" ht="14.1" customHeight="1" thickTop="1" thickBot="1" x14ac:dyDescent="0.2">
      <c r="A149" s="407" t="s">
        <v>100</v>
      </c>
      <c r="B149" s="408"/>
      <c r="C149" s="98">
        <v>14.500999999999999</v>
      </c>
      <c r="D149" s="66" t="s">
        <v>93</v>
      </c>
      <c r="E149" s="98">
        <v>16.771999999999998</v>
      </c>
      <c r="F149" s="66" t="s">
        <v>93</v>
      </c>
      <c r="G149" s="99">
        <v>16.257999999999999</v>
      </c>
      <c r="H149" s="69" t="s">
        <v>93</v>
      </c>
      <c r="I149" s="98">
        <v>13.249000000000001</v>
      </c>
      <c r="J149" s="66" t="s">
        <v>93</v>
      </c>
      <c r="K149" s="100">
        <v>14.503</v>
      </c>
      <c r="L149" s="71" t="s">
        <v>51</v>
      </c>
      <c r="M149" s="98">
        <v>1.5289999999999999</v>
      </c>
      <c r="N149" s="72" t="s">
        <v>93</v>
      </c>
      <c r="O149" s="101">
        <v>1.5349999999999999</v>
      </c>
      <c r="P149" s="72" t="s">
        <v>93</v>
      </c>
      <c r="Q149" s="99">
        <v>1.4890000000000001</v>
      </c>
      <c r="R149" s="69" t="s">
        <v>93</v>
      </c>
      <c r="S149" s="98">
        <v>1.5589999999999999</v>
      </c>
      <c r="T149" s="72" t="s">
        <v>93</v>
      </c>
      <c r="U149" s="100">
        <v>1.5289999999999999</v>
      </c>
      <c r="V149" s="73" t="s">
        <v>93</v>
      </c>
      <c r="W149" s="407" t="s">
        <v>100</v>
      </c>
      <c r="X149" s="408"/>
      <c r="Y149" s="98">
        <v>1.764</v>
      </c>
      <c r="Z149" s="72" t="s">
        <v>93</v>
      </c>
      <c r="AA149" s="101">
        <v>1.7589999999999999</v>
      </c>
      <c r="AB149" s="72" t="s">
        <v>93</v>
      </c>
      <c r="AC149" s="99">
        <v>1.7370000000000001</v>
      </c>
      <c r="AD149" s="69" t="s">
        <v>93</v>
      </c>
      <c r="AE149" s="98">
        <v>1.788</v>
      </c>
      <c r="AF149" s="72" t="s">
        <v>93</v>
      </c>
      <c r="AG149" s="100">
        <v>1.764</v>
      </c>
      <c r="AH149" s="73" t="s">
        <v>93</v>
      </c>
      <c r="AI149" s="98">
        <v>1.8169999999999999</v>
      </c>
      <c r="AJ149" s="72" t="s">
        <v>93</v>
      </c>
      <c r="AK149" s="101">
        <v>1.8220000000000001</v>
      </c>
      <c r="AL149" s="72" t="s">
        <v>93</v>
      </c>
      <c r="AM149" s="99">
        <v>1.8069999999999999</v>
      </c>
      <c r="AN149" s="69" t="s">
        <v>93</v>
      </c>
      <c r="AO149" s="98">
        <v>1.825</v>
      </c>
      <c r="AP149" s="72" t="s">
        <v>93</v>
      </c>
      <c r="AQ149" s="100">
        <v>1.8169999999999999</v>
      </c>
      <c r="AR149" s="73" t="s">
        <v>93</v>
      </c>
    </row>
    <row r="150" spans="1:44" s="2" customFormat="1" ht="21" customHeight="1" x14ac:dyDescent="0.2">
      <c r="A150" s="1" t="s">
        <v>101</v>
      </c>
      <c r="C150" s="102"/>
      <c r="D150" s="3"/>
      <c r="E150" s="3"/>
      <c r="F150" s="3"/>
      <c r="G150" s="103"/>
      <c r="H150" s="75"/>
      <c r="I150" s="102"/>
      <c r="J150" s="3"/>
      <c r="K150" s="102"/>
      <c r="L150" s="3"/>
      <c r="M150" s="102"/>
      <c r="N150" s="3"/>
      <c r="O150" s="102"/>
      <c r="P150" s="3"/>
      <c r="Q150" s="103"/>
      <c r="R150" s="75"/>
      <c r="S150" s="102"/>
      <c r="T150" s="3"/>
      <c r="U150" s="102"/>
      <c r="V150" s="3"/>
      <c r="W150" s="1" t="s">
        <v>102</v>
      </c>
      <c r="X150" s="3"/>
      <c r="Y150" s="102"/>
      <c r="Z150" s="3"/>
      <c r="AA150" s="3"/>
      <c r="AB150" s="3"/>
      <c r="AC150" s="103"/>
      <c r="AD150" s="75"/>
      <c r="AE150" s="102"/>
      <c r="AF150" s="3"/>
      <c r="AG150" s="102"/>
      <c r="AH150" s="3"/>
      <c r="AI150" s="102"/>
      <c r="AJ150" s="3"/>
      <c r="AK150" s="3"/>
      <c r="AL150" s="3"/>
      <c r="AM150" s="103"/>
      <c r="AN150" s="75"/>
      <c r="AO150" s="102"/>
      <c r="AP150" s="3"/>
      <c r="AQ150" s="102"/>
      <c r="AR150" s="3"/>
    </row>
    <row r="151" spans="1:44" s="2" customFormat="1" ht="7.5" customHeight="1" thickBot="1" x14ac:dyDescent="0.25">
      <c r="A151" s="5"/>
      <c r="C151" s="102"/>
      <c r="D151" s="3"/>
      <c r="E151" s="3"/>
      <c r="F151" s="3"/>
      <c r="G151" s="103"/>
      <c r="H151" s="75"/>
      <c r="I151" s="102"/>
      <c r="J151" s="3"/>
      <c r="K151" s="102"/>
      <c r="L151" s="3"/>
      <c r="M151" s="102"/>
      <c r="N151" s="3"/>
      <c r="O151" s="102"/>
      <c r="P151" s="3"/>
      <c r="Q151" s="103"/>
      <c r="R151" s="75"/>
      <c r="S151" s="102"/>
      <c r="T151" s="3"/>
      <c r="U151" s="102"/>
      <c r="V151" s="3"/>
      <c r="W151" s="3"/>
      <c r="X151" s="3"/>
      <c r="Y151" s="102"/>
      <c r="Z151" s="3"/>
      <c r="AA151" s="3"/>
      <c r="AB151" s="3"/>
      <c r="AC151" s="103"/>
      <c r="AD151" s="75"/>
      <c r="AE151" s="102"/>
      <c r="AF151" s="3"/>
      <c r="AG151" s="102"/>
      <c r="AH151" s="3"/>
      <c r="AI151" s="102"/>
      <c r="AJ151" s="3"/>
      <c r="AK151" s="3"/>
      <c r="AL151" s="3"/>
      <c r="AM151" s="103"/>
      <c r="AN151" s="75"/>
      <c r="AO151" s="102"/>
      <c r="AP151" s="3"/>
      <c r="AQ151" s="102"/>
      <c r="AR151" s="6"/>
    </row>
    <row r="152" spans="1:44" ht="10.8" x14ac:dyDescent="0.15">
      <c r="A152" s="386" t="s">
        <v>3</v>
      </c>
      <c r="B152" s="387"/>
      <c r="C152" s="392" t="s">
        <v>4</v>
      </c>
      <c r="D152" s="393"/>
      <c r="E152" s="393"/>
      <c r="F152" s="393"/>
      <c r="G152" s="393"/>
      <c r="H152" s="393"/>
      <c r="I152" s="393"/>
      <c r="J152" s="393"/>
      <c r="K152" s="393"/>
      <c r="L152" s="395"/>
      <c r="M152" s="394" t="s">
        <v>5</v>
      </c>
      <c r="N152" s="393"/>
      <c r="O152" s="393"/>
      <c r="P152" s="393"/>
      <c r="Q152" s="393"/>
      <c r="R152" s="393"/>
      <c r="S152" s="393"/>
      <c r="T152" s="393"/>
      <c r="U152" s="393"/>
      <c r="V152" s="395"/>
      <c r="W152" s="386" t="s">
        <v>3</v>
      </c>
      <c r="X152" s="396"/>
      <c r="Y152" s="392" t="s">
        <v>6</v>
      </c>
      <c r="Z152" s="393"/>
      <c r="AA152" s="393"/>
      <c r="AB152" s="393"/>
      <c r="AC152" s="393"/>
      <c r="AD152" s="393"/>
      <c r="AE152" s="393"/>
      <c r="AF152" s="393"/>
      <c r="AG152" s="393"/>
      <c r="AH152" s="395"/>
      <c r="AI152" s="393" t="s">
        <v>103</v>
      </c>
      <c r="AJ152" s="393"/>
      <c r="AK152" s="393"/>
      <c r="AL152" s="393"/>
      <c r="AM152" s="393"/>
      <c r="AN152" s="393"/>
      <c r="AO152" s="393"/>
      <c r="AP152" s="393"/>
      <c r="AQ152" s="393"/>
      <c r="AR152" s="395"/>
    </row>
    <row r="153" spans="1:44" ht="10.5" customHeight="1" x14ac:dyDescent="0.15">
      <c r="A153" s="388"/>
      <c r="B153" s="389"/>
      <c r="C153" s="399" t="s">
        <v>9</v>
      </c>
      <c r="D153" s="400"/>
      <c r="E153" s="399" t="s">
        <v>10</v>
      </c>
      <c r="F153" s="400"/>
      <c r="G153" s="401" t="s">
        <v>80</v>
      </c>
      <c r="H153" s="402"/>
      <c r="I153" s="399" t="s">
        <v>12</v>
      </c>
      <c r="J153" s="400"/>
      <c r="K153" s="399" t="s">
        <v>13</v>
      </c>
      <c r="L153" s="403"/>
      <c r="M153" s="399" t="s">
        <v>9</v>
      </c>
      <c r="N153" s="400"/>
      <c r="O153" s="399" t="s">
        <v>14</v>
      </c>
      <c r="P153" s="400"/>
      <c r="Q153" s="401" t="s">
        <v>11</v>
      </c>
      <c r="R153" s="402"/>
      <c r="S153" s="399" t="s">
        <v>12</v>
      </c>
      <c r="T153" s="400"/>
      <c r="U153" s="399" t="s">
        <v>13</v>
      </c>
      <c r="V153" s="403"/>
      <c r="W153" s="388"/>
      <c r="X153" s="397"/>
      <c r="Y153" s="399" t="s">
        <v>9</v>
      </c>
      <c r="Z153" s="400"/>
      <c r="AA153" s="399" t="s">
        <v>10</v>
      </c>
      <c r="AB153" s="400"/>
      <c r="AC153" s="401" t="s">
        <v>80</v>
      </c>
      <c r="AD153" s="402"/>
      <c r="AE153" s="399" t="s">
        <v>12</v>
      </c>
      <c r="AF153" s="400"/>
      <c r="AG153" s="399" t="s">
        <v>13</v>
      </c>
      <c r="AH153" s="403"/>
      <c r="AI153" s="399" t="s">
        <v>9</v>
      </c>
      <c r="AJ153" s="400"/>
      <c r="AK153" s="399" t="s">
        <v>10</v>
      </c>
      <c r="AL153" s="400"/>
      <c r="AM153" s="401" t="s">
        <v>80</v>
      </c>
      <c r="AN153" s="402"/>
      <c r="AO153" s="399" t="s">
        <v>12</v>
      </c>
      <c r="AP153" s="400"/>
      <c r="AQ153" s="399" t="s">
        <v>13</v>
      </c>
      <c r="AR153" s="403"/>
    </row>
    <row r="154" spans="1:44" ht="10.5" customHeight="1" thickBot="1" x14ac:dyDescent="0.2">
      <c r="A154" s="390"/>
      <c r="B154" s="391"/>
      <c r="C154" s="8" t="s">
        <v>104</v>
      </c>
      <c r="D154" s="9" t="s">
        <v>16</v>
      </c>
      <c r="E154" s="10" t="s">
        <v>104</v>
      </c>
      <c r="F154" s="10" t="s">
        <v>16</v>
      </c>
      <c r="G154" s="11" t="s">
        <v>104</v>
      </c>
      <c r="H154" s="12" t="s">
        <v>16</v>
      </c>
      <c r="I154" s="8" t="s">
        <v>104</v>
      </c>
      <c r="J154" s="9" t="s">
        <v>16</v>
      </c>
      <c r="K154" s="8" t="s">
        <v>104</v>
      </c>
      <c r="L154" s="13" t="s">
        <v>16</v>
      </c>
      <c r="M154" s="8" t="s">
        <v>104</v>
      </c>
      <c r="N154" s="9" t="s">
        <v>16</v>
      </c>
      <c r="O154" s="10" t="s">
        <v>104</v>
      </c>
      <c r="P154" s="10" t="s">
        <v>16</v>
      </c>
      <c r="Q154" s="11" t="s">
        <v>104</v>
      </c>
      <c r="R154" s="12" t="s">
        <v>16</v>
      </c>
      <c r="S154" s="8" t="s">
        <v>104</v>
      </c>
      <c r="T154" s="9" t="s">
        <v>16</v>
      </c>
      <c r="U154" s="8" t="s">
        <v>104</v>
      </c>
      <c r="V154" s="13" t="s">
        <v>16</v>
      </c>
      <c r="W154" s="390"/>
      <c r="X154" s="398"/>
      <c r="Y154" s="8" t="s">
        <v>104</v>
      </c>
      <c r="Z154" s="9" t="s">
        <v>16</v>
      </c>
      <c r="AA154" s="10" t="s">
        <v>104</v>
      </c>
      <c r="AB154" s="10" t="s">
        <v>16</v>
      </c>
      <c r="AC154" s="11" t="s">
        <v>104</v>
      </c>
      <c r="AD154" s="12" t="s">
        <v>16</v>
      </c>
      <c r="AE154" s="8" t="s">
        <v>104</v>
      </c>
      <c r="AF154" s="9" t="s">
        <v>16</v>
      </c>
      <c r="AG154" s="8" t="s">
        <v>104</v>
      </c>
      <c r="AH154" s="13" t="s">
        <v>16</v>
      </c>
      <c r="AI154" s="8" t="s">
        <v>104</v>
      </c>
      <c r="AJ154" s="9" t="s">
        <v>16</v>
      </c>
      <c r="AK154" s="10" t="s">
        <v>104</v>
      </c>
      <c r="AL154" s="10" t="s">
        <v>16</v>
      </c>
      <c r="AM154" s="11" t="s">
        <v>104</v>
      </c>
      <c r="AN154" s="12" t="s">
        <v>16</v>
      </c>
      <c r="AO154" s="8" t="s">
        <v>104</v>
      </c>
      <c r="AP154" s="9" t="s">
        <v>16</v>
      </c>
      <c r="AQ154" s="8" t="s">
        <v>104</v>
      </c>
      <c r="AR154" s="13" t="s">
        <v>16</v>
      </c>
    </row>
    <row r="155" spans="1:44" ht="14.1" customHeight="1" thickTop="1" x14ac:dyDescent="0.15">
      <c r="A155" s="14">
        <v>1</v>
      </c>
      <c r="B155" s="15" t="s">
        <v>17</v>
      </c>
      <c r="C155" s="84">
        <v>20.422999999999998</v>
      </c>
      <c r="D155" s="16">
        <v>25</v>
      </c>
      <c r="E155" s="84">
        <v>26.803999999999998</v>
      </c>
      <c r="F155" s="16">
        <v>5</v>
      </c>
      <c r="G155" s="85">
        <v>14.433999999999999</v>
      </c>
      <c r="H155" s="17">
        <v>24</v>
      </c>
      <c r="I155" s="84">
        <v>28.719000000000001</v>
      </c>
      <c r="J155" s="16">
        <v>15</v>
      </c>
      <c r="K155" s="84">
        <v>20.425999999999998</v>
      </c>
      <c r="L155" s="18">
        <v>25</v>
      </c>
      <c r="M155" s="84">
        <v>888.06399999999996</v>
      </c>
      <c r="N155" s="16">
        <v>9</v>
      </c>
      <c r="O155" s="84">
        <v>1284.192</v>
      </c>
      <c r="P155" s="16">
        <v>5</v>
      </c>
      <c r="Q155" s="85">
        <v>624.97500000000002</v>
      </c>
      <c r="R155" s="17">
        <v>8</v>
      </c>
      <c r="S155" s="84">
        <v>1252.5070000000001</v>
      </c>
      <c r="T155" s="16">
        <v>5</v>
      </c>
      <c r="U155" s="84">
        <v>888.22900000000004</v>
      </c>
      <c r="V155" s="18">
        <v>9</v>
      </c>
      <c r="W155" s="14">
        <v>1</v>
      </c>
      <c r="X155" s="16" t="s">
        <v>17</v>
      </c>
      <c r="Y155" s="84">
        <v>211.291</v>
      </c>
      <c r="Z155" s="16">
        <v>13</v>
      </c>
      <c r="AA155" s="84">
        <v>323.024</v>
      </c>
      <c r="AB155" s="16">
        <v>13</v>
      </c>
      <c r="AC155" s="85">
        <v>162.54300000000001</v>
      </c>
      <c r="AD155" s="17">
        <v>15</v>
      </c>
      <c r="AE155" s="84">
        <v>278.81799999999998</v>
      </c>
      <c r="AF155" s="16">
        <v>5</v>
      </c>
      <c r="AG155" s="84">
        <v>211.33699999999999</v>
      </c>
      <c r="AH155" s="18">
        <v>14</v>
      </c>
      <c r="AI155" s="84">
        <v>1119.778</v>
      </c>
      <c r="AJ155" s="16">
        <v>12</v>
      </c>
      <c r="AK155" s="84">
        <v>1634.021</v>
      </c>
      <c r="AL155" s="16">
        <v>7</v>
      </c>
      <c r="AM155" s="85">
        <v>801.952</v>
      </c>
      <c r="AN155" s="17">
        <v>11</v>
      </c>
      <c r="AO155" s="84">
        <v>1560.0440000000001</v>
      </c>
      <c r="AP155" s="19">
        <v>4</v>
      </c>
      <c r="AQ155" s="84">
        <v>1119.992</v>
      </c>
      <c r="AR155" s="20">
        <v>12</v>
      </c>
    </row>
    <row r="156" spans="1:44" ht="14.1" customHeight="1" x14ac:dyDescent="0.15">
      <c r="A156" s="21">
        <v>2</v>
      </c>
      <c r="B156" s="15" t="s">
        <v>18</v>
      </c>
      <c r="C156" s="84">
        <v>19.974</v>
      </c>
      <c r="D156" s="16">
        <v>29</v>
      </c>
      <c r="E156" s="84">
        <v>26.4</v>
      </c>
      <c r="F156" s="16">
        <v>6</v>
      </c>
      <c r="G156" s="85">
        <v>13.238</v>
      </c>
      <c r="H156" s="17">
        <v>31</v>
      </c>
      <c r="I156" s="84">
        <v>31.655000000000001</v>
      </c>
      <c r="J156" s="16">
        <v>8</v>
      </c>
      <c r="K156" s="84">
        <v>19.978000000000002</v>
      </c>
      <c r="L156" s="18">
        <v>29</v>
      </c>
      <c r="M156" s="84">
        <v>820.25400000000002</v>
      </c>
      <c r="N156" s="16">
        <v>24</v>
      </c>
      <c r="O156" s="84">
        <v>1328.8</v>
      </c>
      <c r="P156" s="16">
        <v>3</v>
      </c>
      <c r="Q156" s="85">
        <v>590.57000000000005</v>
      </c>
      <c r="R156" s="17">
        <v>21</v>
      </c>
      <c r="S156" s="84">
        <v>1218.4860000000001</v>
      </c>
      <c r="T156" s="16">
        <v>8</v>
      </c>
      <c r="U156" s="84">
        <v>820.49400000000003</v>
      </c>
      <c r="V156" s="18">
        <v>24</v>
      </c>
      <c r="W156" s="21">
        <v>2</v>
      </c>
      <c r="X156" s="16" t="s">
        <v>18</v>
      </c>
      <c r="Y156" s="84">
        <v>200.65899999999999</v>
      </c>
      <c r="Z156" s="16">
        <v>21</v>
      </c>
      <c r="AA156" s="84">
        <v>347.2</v>
      </c>
      <c r="AB156" s="16">
        <v>10</v>
      </c>
      <c r="AC156" s="85">
        <v>159.03100000000001</v>
      </c>
      <c r="AD156" s="17">
        <v>18</v>
      </c>
      <c r="AE156" s="84">
        <v>272.834</v>
      </c>
      <c r="AF156" s="16">
        <v>8</v>
      </c>
      <c r="AG156" s="84">
        <v>200.72800000000001</v>
      </c>
      <c r="AH156" s="18">
        <v>21</v>
      </c>
      <c r="AI156" s="84">
        <v>1040.8869999999999</v>
      </c>
      <c r="AJ156" s="16">
        <v>24</v>
      </c>
      <c r="AK156" s="84">
        <v>1702.4</v>
      </c>
      <c r="AL156" s="16">
        <v>4</v>
      </c>
      <c r="AM156" s="85">
        <v>762.83900000000006</v>
      </c>
      <c r="AN156" s="17">
        <v>21</v>
      </c>
      <c r="AO156" s="84">
        <v>1522.9749999999999</v>
      </c>
      <c r="AP156" s="19">
        <v>7</v>
      </c>
      <c r="AQ156" s="84">
        <v>1041.2</v>
      </c>
      <c r="AR156" s="20">
        <v>24</v>
      </c>
    </row>
    <row r="157" spans="1:44" ht="14.1" customHeight="1" x14ac:dyDescent="0.15">
      <c r="A157" s="21">
        <v>3</v>
      </c>
      <c r="B157" s="15" t="s">
        <v>19</v>
      </c>
      <c r="C157" s="84">
        <v>21.068000000000001</v>
      </c>
      <c r="D157" s="16">
        <v>19</v>
      </c>
      <c r="E157" s="84">
        <v>20.454999999999998</v>
      </c>
      <c r="F157" s="16">
        <v>8</v>
      </c>
      <c r="G157" s="85">
        <v>15.037000000000001</v>
      </c>
      <c r="H157" s="17">
        <v>20</v>
      </c>
      <c r="I157" s="84">
        <v>27.966000000000001</v>
      </c>
      <c r="J157" s="16">
        <v>21</v>
      </c>
      <c r="K157" s="84">
        <v>21.068000000000001</v>
      </c>
      <c r="L157" s="18">
        <v>19</v>
      </c>
      <c r="M157" s="84">
        <v>935.48099999999999</v>
      </c>
      <c r="N157" s="16">
        <v>2</v>
      </c>
      <c r="O157" s="84">
        <v>1270.4549999999999</v>
      </c>
      <c r="P157" s="16">
        <v>6</v>
      </c>
      <c r="Q157" s="85">
        <v>634.68700000000001</v>
      </c>
      <c r="R157" s="17">
        <v>7</v>
      </c>
      <c r="S157" s="84">
        <v>1279.5060000000001</v>
      </c>
      <c r="T157" s="16">
        <v>1</v>
      </c>
      <c r="U157" s="84">
        <v>935.64099999999996</v>
      </c>
      <c r="V157" s="18">
        <v>2</v>
      </c>
      <c r="W157" s="21">
        <v>3</v>
      </c>
      <c r="X157" s="16" t="s">
        <v>19</v>
      </c>
      <c r="Y157" s="84">
        <v>219.46899999999999</v>
      </c>
      <c r="Z157" s="16">
        <v>6</v>
      </c>
      <c r="AA157" s="84">
        <v>393.18200000000002</v>
      </c>
      <c r="AB157" s="16">
        <v>6</v>
      </c>
      <c r="AC157" s="85">
        <v>165.53800000000001</v>
      </c>
      <c r="AD157" s="17">
        <v>11</v>
      </c>
      <c r="AE157" s="84">
        <v>281.15100000000001</v>
      </c>
      <c r="AF157" s="16">
        <v>4</v>
      </c>
      <c r="AG157" s="84">
        <v>219.55199999999999</v>
      </c>
      <c r="AH157" s="18">
        <v>6</v>
      </c>
      <c r="AI157" s="84">
        <v>1176.019</v>
      </c>
      <c r="AJ157" s="16">
        <v>2</v>
      </c>
      <c r="AK157" s="84">
        <v>1684.0909999999999</v>
      </c>
      <c r="AL157" s="16">
        <v>6</v>
      </c>
      <c r="AM157" s="85">
        <v>815.26300000000003</v>
      </c>
      <c r="AN157" s="17">
        <v>7</v>
      </c>
      <c r="AO157" s="84">
        <v>1588.623</v>
      </c>
      <c r="AP157" s="19">
        <v>1</v>
      </c>
      <c r="AQ157" s="84">
        <v>1176.261</v>
      </c>
      <c r="AR157" s="20">
        <v>2</v>
      </c>
    </row>
    <row r="158" spans="1:44" ht="14.1" customHeight="1" x14ac:dyDescent="0.15">
      <c r="A158" s="21">
        <v>4</v>
      </c>
      <c r="B158" s="15" t="s">
        <v>20</v>
      </c>
      <c r="C158" s="84">
        <v>20.998999999999999</v>
      </c>
      <c r="D158" s="16">
        <v>20</v>
      </c>
      <c r="E158" s="84">
        <v>45.832999999999998</v>
      </c>
      <c r="F158" s="16">
        <v>3</v>
      </c>
      <c r="G158" s="85">
        <v>15.083</v>
      </c>
      <c r="H158" s="17">
        <v>19</v>
      </c>
      <c r="I158" s="84">
        <v>28.241</v>
      </c>
      <c r="J158" s="16">
        <v>19</v>
      </c>
      <c r="K158" s="84">
        <v>21.009</v>
      </c>
      <c r="L158" s="18">
        <v>20</v>
      </c>
      <c r="M158" s="84">
        <v>837.32399999999996</v>
      </c>
      <c r="N158" s="16">
        <v>21</v>
      </c>
      <c r="O158" s="84">
        <v>1187.5</v>
      </c>
      <c r="P158" s="16">
        <v>9</v>
      </c>
      <c r="Q158" s="85">
        <v>588.226</v>
      </c>
      <c r="R158" s="17">
        <v>22</v>
      </c>
      <c r="S158" s="84">
        <v>1142.2729999999999</v>
      </c>
      <c r="T158" s="16">
        <v>17</v>
      </c>
      <c r="U158" s="84">
        <v>837.47</v>
      </c>
      <c r="V158" s="18">
        <v>21</v>
      </c>
      <c r="W158" s="21">
        <v>4</v>
      </c>
      <c r="X158" s="16" t="s">
        <v>20</v>
      </c>
      <c r="Y158" s="84">
        <v>201.80500000000001</v>
      </c>
      <c r="Z158" s="16">
        <v>20</v>
      </c>
      <c r="AA158" s="84">
        <v>333.33300000000003</v>
      </c>
      <c r="AB158" s="16">
        <v>11</v>
      </c>
      <c r="AC158" s="85">
        <v>157.947</v>
      </c>
      <c r="AD158" s="17">
        <v>20</v>
      </c>
      <c r="AE158" s="84">
        <v>255.49700000000001</v>
      </c>
      <c r="AF158" s="16">
        <v>21</v>
      </c>
      <c r="AG158" s="84">
        <v>201.86</v>
      </c>
      <c r="AH158" s="18">
        <v>20</v>
      </c>
      <c r="AI158" s="84">
        <v>1060.1279999999999</v>
      </c>
      <c r="AJ158" s="16">
        <v>19</v>
      </c>
      <c r="AK158" s="84">
        <v>1566.6669999999999</v>
      </c>
      <c r="AL158" s="16">
        <v>11</v>
      </c>
      <c r="AM158" s="85">
        <v>761.255</v>
      </c>
      <c r="AN158" s="17">
        <v>22</v>
      </c>
      <c r="AO158" s="84">
        <v>1426.0119999999999</v>
      </c>
      <c r="AP158" s="19">
        <v>17</v>
      </c>
      <c r="AQ158" s="84">
        <v>1060.3389999999999</v>
      </c>
      <c r="AR158" s="20">
        <v>19</v>
      </c>
    </row>
    <row r="159" spans="1:44" ht="14.1" customHeight="1" x14ac:dyDescent="0.15">
      <c r="A159" s="21">
        <v>5</v>
      </c>
      <c r="B159" s="15" t="s">
        <v>21</v>
      </c>
      <c r="C159" s="84">
        <v>19.334</v>
      </c>
      <c r="D159" s="16">
        <v>32</v>
      </c>
      <c r="E159" s="84">
        <v>32.143000000000001</v>
      </c>
      <c r="F159" s="16">
        <v>4</v>
      </c>
      <c r="G159" s="85">
        <v>13.632999999999999</v>
      </c>
      <c r="H159" s="17">
        <v>30</v>
      </c>
      <c r="I159" s="84">
        <v>26.56</v>
      </c>
      <c r="J159" s="16">
        <v>30</v>
      </c>
      <c r="K159" s="84">
        <v>19.343</v>
      </c>
      <c r="L159" s="18">
        <v>32</v>
      </c>
      <c r="M159" s="84">
        <v>891.55</v>
      </c>
      <c r="N159" s="16">
        <v>8</v>
      </c>
      <c r="O159" s="84">
        <v>1450</v>
      </c>
      <c r="P159" s="16">
        <v>1</v>
      </c>
      <c r="Q159" s="85">
        <v>649.16700000000003</v>
      </c>
      <c r="R159" s="17">
        <v>2</v>
      </c>
      <c r="S159" s="84">
        <v>1198.752</v>
      </c>
      <c r="T159" s="16">
        <v>10</v>
      </c>
      <c r="U159" s="84">
        <v>891.97</v>
      </c>
      <c r="V159" s="18">
        <v>8</v>
      </c>
      <c r="W159" s="21">
        <v>5</v>
      </c>
      <c r="X159" s="16" t="s">
        <v>21</v>
      </c>
      <c r="Y159" s="84">
        <v>236.375</v>
      </c>
      <c r="Z159" s="16">
        <v>1</v>
      </c>
      <c r="AA159" s="84">
        <v>325</v>
      </c>
      <c r="AB159" s="16">
        <v>12</v>
      </c>
      <c r="AC159" s="85">
        <v>188.34100000000001</v>
      </c>
      <c r="AD159" s="17">
        <v>2</v>
      </c>
      <c r="AE159" s="84">
        <v>297.255</v>
      </c>
      <c r="AF159" s="16">
        <v>1</v>
      </c>
      <c r="AG159" s="84">
        <v>236.44200000000001</v>
      </c>
      <c r="AH159" s="18">
        <v>1</v>
      </c>
      <c r="AI159" s="84">
        <v>1147.26</v>
      </c>
      <c r="AJ159" s="16">
        <v>5</v>
      </c>
      <c r="AK159" s="84">
        <v>1807.143</v>
      </c>
      <c r="AL159" s="16">
        <v>2</v>
      </c>
      <c r="AM159" s="85">
        <v>851.14</v>
      </c>
      <c r="AN159" s="17">
        <v>2</v>
      </c>
      <c r="AO159" s="84">
        <v>1522.567</v>
      </c>
      <c r="AP159" s="19">
        <v>8</v>
      </c>
      <c r="AQ159" s="84">
        <v>1147.7550000000001</v>
      </c>
      <c r="AR159" s="20">
        <v>5</v>
      </c>
    </row>
    <row r="160" spans="1:44" ht="14.1" customHeight="1" x14ac:dyDescent="0.15">
      <c r="A160" s="21">
        <v>6</v>
      </c>
      <c r="B160" s="15" t="s">
        <v>22</v>
      </c>
      <c r="C160" s="84">
        <v>19.381</v>
      </c>
      <c r="D160" s="16">
        <v>31</v>
      </c>
      <c r="E160" s="84">
        <v>15.555999999999999</v>
      </c>
      <c r="F160" s="16">
        <v>13</v>
      </c>
      <c r="G160" s="85">
        <v>14.265000000000001</v>
      </c>
      <c r="H160" s="17">
        <v>26</v>
      </c>
      <c r="I160" s="84">
        <v>26.545000000000002</v>
      </c>
      <c r="J160" s="16">
        <v>31</v>
      </c>
      <c r="K160" s="84">
        <v>19.379000000000001</v>
      </c>
      <c r="L160" s="18">
        <v>31</v>
      </c>
      <c r="M160" s="84">
        <v>882.92700000000002</v>
      </c>
      <c r="N160" s="16">
        <v>10</v>
      </c>
      <c r="O160" s="84">
        <v>1284.444</v>
      </c>
      <c r="P160" s="16">
        <v>4</v>
      </c>
      <c r="Q160" s="85">
        <v>618.89</v>
      </c>
      <c r="R160" s="17">
        <v>11</v>
      </c>
      <c r="S160" s="84">
        <v>1252.721</v>
      </c>
      <c r="T160" s="16">
        <v>4</v>
      </c>
      <c r="U160" s="84">
        <v>883.13699999999994</v>
      </c>
      <c r="V160" s="18">
        <v>10</v>
      </c>
      <c r="W160" s="21">
        <v>6</v>
      </c>
      <c r="X160" s="16" t="s">
        <v>22</v>
      </c>
      <c r="Y160" s="84">
        <v>222.11500000000001</v>
      </c>
      <c r="Z160" s="16">
        <v>5</v>
      </c>
      <c r="AA160" s="84">
        <v>295.55599999999998</v>
      </c>
      <c r="AB160" s="16">
        <v>14</v>
      </c>
      <c r="AC160" s="85">
        <v>174.84399999999999</v>
      </c>
      <c r="AD160" s="17">
        <v>5</v>
      </c>
      <c r="AE160" s="84">
        <v>288.31900000000002</v>
      </c>
      <c r="AF160" s="16">
        <v>3</v>
      </c>
      <c r="AG160" s="84">
        <v>222.15299999999999</v>
      </c>
      <c r="AH160" s="18">
        <v>5</v>
      </c>
      <c r="AI160" s="84">
        <v>1124.423</v>
      </c>
      <c r="AJ160" s="16">
        <v>10</v>
      </c>
      <c r="AK160" s="84">
        <v>1595.556</v>
      </c>
      <c r="AL160" s="16">
        <v>9</v>
      </c>
      <c r="AM160" s="85">
        <v>808</v>
      </c>
      <c r="AN160" s="17">
        <v>9</v>
      </c>
      <c r="AO160" s="84">
        <v>1567.585</v>
      </c>
      <c r="AP160" s="19">
        <v>3</v>
      </c>
      <c r="AQ160" s="84">
        <v>1124.6690000000001</v>
      </c>
      <c r="AR160" s="20">
        <v>10</v>
      </c>
    </row>
    <row r="161" spans="1:44" ht="14.1" customHeight="1" x14ac:dyDescent="0.15">
      <c r="A161" s="21">
        <v>7</v>
      </c>
      <c r="B161" s="15" t="s">
        <v>23</v>
      </c>
      <c r="C161" s="84">
        <v>25.113</v>
      </c>
      <c r="D161" s="16">
        <v>6</v>
      </c>
      <c r="E161" s="84">
        <v>8.8889999999999993</v>
      </c>
      <c r="F161" s="16">
        <v>15</v>
      </c>
      <c r="G161" s="85">
        <v>18.989999999999998</v>
      </c>
      <c r="H161" s="17">
        <v>7</v>
      </c>
      <c r="I161" s="84">
        <v>32.273000000000003</v>
      </c>
      <c r="J161" s="16">
        <v>6</v>
      </c>
      <c r="K161" s="84">
        <v>25.096</v>
      </c>
      <c r="L161" s="18">
        <v>6</v>
      </c>
      <c r="M161" s="84">
        <v>899.49400000000003</v>
      </c>
      <c r="N161" s="16">
        <v>6</v>
      </c>
      <c r="O161" s="84">
        <v>1177.778</v>
      </c>
      <c r="P161" s="16">
        <v>11</v>
      </c>
      <c r="Q161" s="85">
        <v>623.73500000000001</v>
      </c>
      <c r="R161" s="17">
        <v>10</v>
      </c>
      <c r="S161" s="84">
        <v>1221.933</v>
      </c>
      <c r="T161" s="16">
        <v>7</v>
      </c>
      <c r="U161" s="84">
        <v>899.79600000000005</v>
      </c>
      <c r="V161" s="18">
        <v>6</v>
      </c>
      <c r="W161" s="21">
        <v>7</v>
      </c>
      <c r="X161" s="16" t="s">
        <v>23</v>
      </c>
      <c r="Y161" s="84">
        <v>211.16800000000001</v>
      </c>
      <c r="Z161" s="16">
        <v>14</v>
      </c>
      <c r="AA161" s="84">
        <v>400</v>
      </c>
      <c r="AB161" s="16">
        <v>5</v>
      </c>
      <c r="AC161" s="85">
        <v>168.83799999999999</v>
      </c>
      <c r="AD161" s="17">
        <v>9</v>
      </c>
      <c r="AE161" s="84">
        <v>260.66399999999999</v>
      </c>
      <c r="AF161" s="16">
        <v>17</v>
      </c>
      <c r="AG161" s="84">
        <v>211.37299999999999</v>
      </c>
      <c r="AH161" s="18">
        <v>13</v>
      </c>
      <c r="AI161" s="84">
        <v>1135.7760000000001</v>
      </c>
      <c r="AJ161" s="16">
        <v>7</v>
      </c>
      <c r="AK161" s="84">
        <v>1586.6669999999999</v>
      </c>
      <c r="AL161" s="16">
        <v>10</v>
      </c>
      <c r="AM161" s="85">
        <v>811.56399999999996</v>
      </c>
      <c r="AN161" s="17">
        <v>8</v>
      </c>
      <c r="AO161" s="84">
        <v>1514.8689999999999</v>
      </c>
      <c r="AP161" s="19">
        <v>9</v>
      </c>
      <c r="AQ161" s="84">
        <v>1136.2639999999999</v>
      </c>
      <c r="AR161" s="20">
        <v>7</v>
      </c>
    </row>
    <row r="162" spans="1:44" ht="14.1" customHeight="1" x14ac:dyDescent="0.15">
      <c r="A162" s="21">
        <v>8</v>
      </c>
      <c r="B162" s="15" t="s">
        <v>24</v>
      </c>
      <c r="C162" s="84">
        <v>20.048999999999999</v>
      </c>
      <c r="D162" s="16">
        <v>28</v>
      </c>
      <c r="E162" s="84">
        <v>24</v>
      </c>
      <c r="F162" s="16">
        <v>7</v>
      </c>
      <c r="G162" s="85">
        <v>14.343</v>
      </c>
      <c r="H162" s="17">
        <v>25</v>
      </c>
      <c r="I162" s="84">
        <v>27.326000000000001</v>
      </c>
      <c r="J162" s="16">
        <v>27</v>
      </c>
      <c r="K162" s="84">
        <v>20.050999999999998</v>
      </c>
      <c r="L162" s="18">
        <v>28</v>
      </c>
      <c r="M162" s="84">
        <v>848.57</v>
      </c>
      <c r="N162" s="16">
        <v>18</v>
      </c>
      <c r="O162" s="84">
        <v>1172</v>
      </c>
      <c r="P162" s="16">
        <v>12</v>
      </c>
      <c r="Q162" s="85">
        <v>598.45799999999997</v>
      </c>
      <c r="R162" s="17">
        <v>17</v>
      </c>
      <c r="S162" s="84">
        <v>1167.5350000000001</v>
      </c>
      <c r="T162" s="16">
        <v>13</v>
      </c>
      <c r="U162" s="84">
        <v>848.73</v>
      </c>
      <c r="V162" s="18">
        <v>18</v>
      </c>
      <c r="W162" s="21">
        <v>8</v>
      </c>
      <c r="X162" s="16" t="s">
        <v>24</v>
      </c>
      <c r="Y162" s="84">
        <v>211.749</v>
      </c>
      <c r="Z162" s="16">
        <v>10</v>
      </c>
      <c r="AA162" s="84">
        <v>260</v>
      </c>
      <c r="AB162" s="16">
        <v>19</v>
      </c>
      <c r="AC162" s="85">
        <v>164.297</v>
      </c>
      <c r="AD162" s="17">
        <v>14</v>
      </c>
      <c r="AE162" s="84">
        <v>272.26400000000001</v>
      </c>
      <c r="AF162" s="16">
        <v>9</v>
      </c>
      <c r="AG162" s="84">
        <v>211.773</v>
      </c>
      <c r="AH162" s="18">
        <v>11</v>
      </c>
      <c r="AI162" s="84">
        <v>1080.3679999999999</v>
      </c>
      <c r="AJ162" s="16">
        <v>16</v>
      </c>
      <c r="AK162" s="84">
        <v>1456</v>
      </c>
      <c r="AL162" s="16">
        <v>13</v>
      </c>
      <c r="AM162" s="85">
        <v>777.09799999999996</v>
      </c>
      <c r="AN162" s="17">
        <v>18</v>
      </c>
      <c r="AO162" s="84">
        <v>1467.126</v>
      </c>
      <c r="AP162" s="19">
        <v>11</v>
      </c>
      <c r="AQ162" s="84">
        <v>1080.5540000000001</v>
      </c>
      <c r="AR162" s="20">
        <v>16</v>
      </c>
    </row>
    <row r="163" spans="1:44" ht="14.1" customHeight="1" x14ac:dyDescent="0.15">
      <c r="A163" s="21">
        <v>9</v>
      </c>
      <c r="B163" s="15" t="s">
        <v>25</v>
      </c>
      <c r="C163" s="84">
        <v>20.224</v>
      </c>
      <c r="D163" s="16">
        <v>26</v>
      </c>
      <c r="E163" s="84">
        <v>0</v>
      </c>
      <c r="F163" s="16">
        <v>19</v>
      </c>
      <c r="G163" s="85">
        <v>14.632</v>
      </c>
      <c r="H163" s="17">
        <v>22</v>
      </c>
      <c r="I163" s="84">
        <v>27.443999999999999</v>
      </c>
      <c r="J163" s="16">
        <v>24</v>
      </c>
      <c r="K163" s="84">
        <v>20.212</v>
      </c>
      <c r="L163" s="18">
        <v>26</v>
      </c>
      <c r="M163" s="84">
        <v>906.40599999999995</v>
      </c>
      <c r="N163" s="16">
        <v>4</v>
      </c>
      <c r="O163" s="84">
        <v>950</v>
      </c>
      <c r="P163" s="16">
        <v>21</v>
      </c>
      <c r="Q163" s="85">
        <v>635.23900000000003</v>
      </c>
      <c r="R163" s="17">
        <v>6</v>
      </c>
      <c r="S163" s="84">
        <v>1256.498</v>
      </c>
      <c r="T163" s="16">
        <v>2</v>
      </c>
      <c r="U163" s="84">
        <v>906.43200000000002</v>
      </c>
      <c r="V163" s="18">
        <v>4</v>
      </c>
      <c r="W163" s="21">
        <v>9</v>
      </c>
      <c r="X163" s="16" t="s">
        <v>25</v>
      </c>
      <c r="Y163" s="84">
        <v>225.00399999999999</v>
      </c>
      <c r="Z163" s="16">
        <v>3</v>
      </c>
      <c r="AA163" s="84">
        <v>487.5</v>
      </c>
      <c r="AB163" s="16">
        <v>3</v>
      </c>
      <c r="AC163" s="85">
        <v>174.881</v>
      </c>
      <c r="AD163" s="17">
        <v>4</v>
      </c>
      <c r="AE163" s="84">
        <v>289.71499999999997</v>
      </c>
      <c r="AF163" s="16">
        <v>2</v>
      </c>
      <c r="AG163" s="84">
        <v>225.16399999999999</v>
      </c>
      <c r="AH163" s="18">
        <v>3</v>
      </c>
      <c r="AI163" s="84">
        <v>1151.634</v>
      </c>
      <c r="AJ163" s="16">
        <v>4</v>
      </c>
      <c r="AK163" s="84">
        <v>1437.5</v>
      </c>
      <c r="AL163" s="16">
        <v>15</v>
      </c>
      <c r="AM163" s="85">
        <v>824.75300000000004</v>
      </c>
      <c r="AN163" s="17">
        <v>5</v>
      </c>
      <c r="AO163" s="84">
        <v>1573.6579999999999</v>
      </c>
      <c r="AP163" s="19">
        <v>2</v>
      </c>
      <c r="AQ163" s="84">
        <v>1151.808</v>
      </c>
      <c r="AR163" s="20">
        <v>4</v>
      </c>
    </row>
    <row r="164" spans="1:44" ht="14.1" customHeight="1" x14ac:dyDescent="0.15">
      <c r="A164" s="21">
        <v>10</v>
      </c>
      <c r="B164" s="15" t="s">
        <v>26</v>
      </c>
      <c r="C164" s="84">
        <v>21.093</v>
      </c>
      <c r="D164" s="16">
        <v>18</v>
      </c>
      <c r="E164" s="84">
        <v>46.591000000000001</v>
      </c>
      <c r="F164" s="16">
        <v>2</v>
      </c>
      <c r="G164" s="85">
        <v>15.175000000000001</v>
      </c>
      <c r="H164" s="17">
        <v>16</v>
      </c>
      <c r="I164" s="84">
        <v>29.204999999999998</v>
      </c>
      <c r="J164" s="16">
        <v>11</v>
      </c>
      <c r="K164" s="84">
        <v>21.106999999999999</v>
      </c>
      <c r="L164" s="18">
        <v>18</v>
      </c>
      <c r="M164" s="84">
        <v>803.47699999999998</v>
      </c>
      <c r="N164" s="16">
        <v>31</v>
      </c>
      <c r="O164" s="84">
        <v>1056.818</v>
      </c>
      <c r="P164" s="16">
        <v>16</v>
      </c>
      <c r="Q164" s="85">
        <v>573.61900000000003</v>
      </c>
      <c r="R164" s="17">
        <v>29</v>
      </c>
      <c r="S164" s="84">
        <v>1118.5650000000001</v>
      </c>
      <c r="T164" s="16">
        <v>21</v>
      </c>
      <c r="U164" s="84">
        <v>803.61900000000003</v>
      </c>
      <c r="V164" s="18">
        <v>30</v>
      </c>
      <c r="W164" s="21">
        <v>10</v>
      </c>
      <c r="X164" s="16" t="s">
        <v>26</v>
      </c>
      <c r="Y164" s="84">
        <v>199.38499999999999</v>
      </c>
      <c r="Z164" s="16">
        <v>24</v>
      </c>
      <c r="AA164" s="84">
        <v>290.90899999999999</v>
      </c>
      <c r="AB164" s="16">
        <v>16</v>
      </c>
      <c r="AC164" s="85">
        <v>155</v>
      </c>
      <c r="AD164" s="17">
        <v>22</v>
      </c>
      <c r="AE164" s="84">
        <v>260.226</v>
      </c>
      <c r="AF164" s="16">
        <v>18</v>
      </c>
      <c r="AG164" s="84">
        <v>199.43600000000001</v>
      </c>
      <c r="AH164" s="18">
        <v>24</v>
      </c>
      <c r="AI164" s="84">
        <v>1023.955</v>
      </c>
      <c r="AJ164" s="16">
        <v>29</v>
      </c>
      <c r="AK164" s="84">
        <v>1394.318</v>
      </c>
      <c r="AL164" s="16">
        <v>17</v>
      </c>
      <c r="AM164" s="85">
        <v>743.79499999999996</v>
      </c>
      <c r="AN164" s="17">
        <v>27</v>
      </c>
      <c r="AO164" s="84">
        <v>1407.9960000000001</v>
      </c>
      <c r="AP164" s="19">
        <v>20</v>
      </c>
      <c r="AQ164" s="84">
        <v>1024.162</v>
      </c>
      <c r="AR164" s="20">
        <v>28</v>
      </c>
    </row>
    <row r="165" spans="1:44" ht="14.1" customHeight="1" x14ac:dyDescent="0.15">
      <c r="A165" s="21">
        <v>11</v>
      </c>
      <c r="B165" s="15" t="s">
        <v>27</v>
      </c>
      <c r="C165" s="84">
        <v>22.17</v>
      </c>
      <c r="D165" s="16">
        <v>14</v>
      </c>
      <c r="E165" s="84">
        <v>8.3330000000000002</v>
      </c>
      <c r="F165" s="16">
        <v>16</v>
      </c>
      <c r="G165" s="85">
        <v>14.044</v>
      </c>
      <c r="H165" s="17">
        <v>29</v>
      </c>
      <c r="I165" s="84">
        <v>32.5</v>
      </c>
      <c r="J165" s="16">
        <v>5</v>
      </c>
      <c r="K165" s="84">
        <v>22.157</v>
      </c>
      <c r="L165" s="18">
        <v>14</v>
      </c>
      <c r="M165" s="84">
        <v>877.48699999999997</v>
      </c>
      <c r="N165" s="16">
        <v>12</v>
      </c>
      <c r="O165" s="84">
        <v>1200</v>
      </c>
      <c r="P165" s="16">
        <v>8</v>
      </c>
      <c r="Q165" s="85">
        <v>641.16300000000001</v>
      </c>
      <c r="R165" s="17">
        <v>3</v>
      </c>
      <c r="S165" s="84">
        <v>1177.9459999999999</v>
      </c>
      <c r="T165" s="16">
        <v>11</v>
      </c>
      <c r="U165" s="84">
        <v>877.78200000000004</v>
      </c>
      <c r="V165" s="18">
        <v>12</v>
      </c>
      <c r="W165" s="21">
        <v>11</v>
      </c>
      <c r="X165" s="16" t="s">
        <v>27</v>
      </c>
      <c r="Y165" s="84">
        <v>188.48</v>
      </c>
      <c r="Z165" s="16">
        <v>28</v>
      </c>
      <c r="AA165" s="84">
        <v>525</v>
      </c>
      <c r="AB165" s="16">
        <v>2</v>
      </c>
      <c r="AC165" s="85">
        <v>149.07900000000001</v>
      </c>
      <c r="AD165" s="17">
        <v>28</v>
      </c>
      <c r="AE165" s="84">
        <v>238.57400000000001</v>
      </c>
      <c r="AF165" s="16">
        <v>27</v>
      </c>
      <c r="AG165" s="84">
        <v>188.78800000000001</v>
      </c>
      <c r="AH165" s="18">
        <v>28</v>
      </c>
      <c r="AI165" s="84">
        <v>1088.136</v>
      </c>
      <c r="AJ165" s="16">
        <v>13</v>
      </c>
      <c r="AK165" s="84">
        <v>1733.3330000000001</v>
      </c>
      <c r="AL165" s="16">
        <v>3</v>
      </c>
      <c r="AM165" s="85">
        <v>804.28599999999994</v>
      </c>
      <c r="AN165" s="17">
        <v>10</v>
      </c>
      <c r="AO165" s="84">
        <v>1449.02</v>
      </c>
      <c r="AP165" s="19">
        <v>15</v>
      </c>
      <c r="AQ165" s="84">
        <v>1088.7270000000001</v>
      </c>
      <c r="AR165" s="20">
        <v>13</v>
      </c>
    </row>
    <row r="166" spans="1:44" ht="14.1" customHeight="1" x14ac:dyDescent="0.15">
      <c r="A166" s="21">
        <v>12</v>
      </c>
      <c r="B166" s="15" t="s">
        <v>28</v>
      </c>
      <c r="C166" s="84">
        <v>22.71</v>
      </c>
      <c r="D166" s="16">
        <v>12</v>
      </c>
      <c r="E166" s="84">
        <v>3.7040000000000002</v>
      </c>
      <c r="F166" s="16">
        <v>18</v>
      </c>
      <c r="G166" s="85">
        <v>16.393999999999998</v>
      </c>
      <c r="H166" s="17">
        <v>13</v>
      </c>
      <c r="I166" s="84">
        <v>29.361000000000001</v>
      </c>
      <c r="J166" s="16">
        <v>10</v>
      </c>
      <c r="K166" s="84">
        <v>22.696999999999999</v>
      </c>
      <c r="L166" s="18">
        <v>12</v>
      </c>
      <c r="M166" s="84">
        <v>848.02300000000002</v>
      </c>
      <c r="N166" s="16">
        <v>19</v>
      </c>
      <c r="O166" s="84">
        <v>648.14800000000002</v>
      </c>
      <c r="P166" s="16">
        <v>27</v>
      </c>
      <c r="Q166" s="85">
        <v>583.83299999999997</v>
      </c>
      <c r="R166" s="17">
        <v>23</v>
      </c>
      <c r="S166" s="84">
        <v>1126.229</v>
      </c>
      <c r="T166" s="16">
        <v>20</v>
      </c>
      <c r="U166" s="84">
        <v>847.88300000000004</v>
      </c>
      <c r="V166" s="18">
        <v>19</v>
      </c>
      <c r="W166" s="21">
        <v>12</v>
      </c>
      <c r="X166" s="16" t="s">
        <v>28</v>
      </c>
      <c r="Y166" s="84">
        <v>192.751</v>
      </c>
      <c r="Z166" s="16">
        <v>25</v>
      </c>
      <c r="AA166" s="84">
        <v>240.74100000000001</v>
      </c>
      <c r="AB166" s="16">
        <v>20</v>
      </c>
      <c r="AC166" s="85">
        <v>148.75299999999999</v>
      </c>
      <c r="AD166" s="17">
        <v>29</v>
      </c>
      <c r="AE166" s="84">
        <v>239.083</v>
      </c>
      <c r="AF166" s="16">
        <v>26</v>
      </c>
      <c r="AG166" s="84">
        <v>192.78399999999999</v>
      </c>
      <c r="AH166" s="18">
        <v>25</v>
      </c>
      <c r="AI166" s="84">
        <v>1063.4839999999999</v>
      </c>
      <c r="AJ166" s="16">
        <v>17</v>
      </c>
      <c r="AK166" s="84">
        <v>892.59299999999996</v>
      </c>
      <c r="AL166" s="16">
        <v>26</v>
      </c>
      <c r="AM166" s="85">
        <v>748.98099999999999</v>
      </c>
      <c r="AN166" s="17">
        <v>24</v>
      </c>
      <c r="AO166" s="84">
        <v>1394.673</v>
      </c>
      <c r="AP166" s="19">
        <v>21</v>
      </c>
      <c r="AQ166" s="84">
        <v>1063.364</v>
      </c>
      <c r="AR166" s="20">
        <v>17</v>
      </c>
    </row>
    <row r="167" spans="1:44" ht="14.1" customHeight="1" x14ac:dyDescent="0.15">
      <c r="A167" s="21">
        <v>13</v>
      </c>
      <c r="B167" s="15" t="s">
        <v>29</v>
      </c>
      <c r="C167" s="84">
        <v>21.33</v>
      </c>
      <c r="D167" s="16">
        <v>17</v>
      </c>
      <c r="E167" s="84">
        <v>20</v>
      </c>
      <c r="F167" s="16">
        <v>9</v>
      </c>
      <c r="G167" s="85">
        <v>15.638</v>
      </c>
      <c r="H167" s="17">
        <v>14</v>
      </c>
      <c r="I167" s="84">
        <v>28.701000000000001</v>
      </c>
      <c r="J167" s="16">
        <v>16</v>
      </c>
      <c r="K167" s="84">
        <v>21.329000000000001</v>
      </c>
      <c r="L167" s="18">
        <v>17</v>
      </c>
      <c r="M167" s="84">
        <v>810.96600000000001</v>
      </c>
      <c r="N167" s="16">
        <v>26</v>
      </c>
      <c r="O167" s="84">
        <v>997.5</v>
      </c>
      <c r="P167" s="16">
        <v>20</v>
      </c>
      <c r="Q167" s="85">
        <v>577.37</v>
      </c>
      <c r="R167" s="17">
        <v>26</v>
      </c>
      <c r="S167" s="84">
        <v>1113.4670000000001</v>
      </c>
      <c r="T167" s="16">
        <v>24</v>
      </c>
      <c r="U167" s="84">
        <v>811.11500000000001</v>
      </c>
      <c r="V167" s="18">
        <v>26</v>
      </c>
      <c r="W167" s="21">
        <v>13</v>
      </c>
      <c r="X167" s="16" t="s">
        <v>29</v>
      </c>
      <c r="Y167" s="84">
        <v>190.941</v>
      </c>
      <c r="Z167" s="16">
        <v>27</v>
      </c>
      <c r="AA167" s="84">
        <v>237.5</v>
      </c>
      <c r="AB167" s="16">
        <v>21</v>
      </c>
      <c r="AC167" s="85">
        <v>146.773</v>
      </c>
      <c r="AD167" s="17">
        <v>31</v>
      </c>
      <c r="AE167" s="84">
        <v>248.137</v>
      </c>
      <c r="AF167" s="16">
        <v>25</v>
      </c>
      <c r="AG167" s="84">
        <v>190.97800000000001</v>
      </c>
      <c r="AH167" s="18">
        <v>27</v>
      </c>
      <c r="AI167" s="84">
        <v>1023.237</v>
      </c>
      <c r="AJ167" s="16">
        <v>30</v>
      </c>
      <c r="AK167" s="84">
        <v>1255</v>
      </c>
      <c r="AL167" s="16">
        <v>19</v>
      </c>
      <c r="AM167" s="85">
        <v>739.78099999999995</v>
      </c>
      <c r="AN167" s="17">
        <v>30</v>
      </c>
      <c r="AO167" s="84">
        <v>1390.3050000000001</v>
      </c>
      <c r="AP167" s="19">
        <v>23</v>
      </c>
      <c r="AQ167" s="84">
        <v>1023.422</v>
      </c>
      <c r="AR167" s="20">
        <v>30</v>
      </c>
    </row>
    <row r="168" spans="1:44" ht="14.1" customHeight="1" x14ac:dyDescent="0.15">
      <c r="A168" s="21">
        <v>14</v>
      </c>
      <c r="B168" s="15" t="s">
        <v>30</v>
      </c>
      <c r="C168" s="84">
        <v>19.619</v>
      </c>
      <c r="D168" s="16">
        <v>30</v>
      </c>
      <c r="E168" s="84">
        <v>5.8819999999999997</v>
      </c>
      <c r="F168" s="16">
        <v>17</v>
      </c>
      <c r="G168" s="85">
        <v>14.108000000000001</v>
      </c>
      <c r="H168" s="17">
        <v>28</v>
      </c>
      <c r="I168" s="84">
        <v>28.096</v>
      </c>
      <c r="J168" s="16">
        <v>20</v>
      </c>
      <c r="K168" s="84">
        <v>19.614000000000001</v>
      </c>
      <c r="L168" s="18">
        <v>30</v>
      </c>
      <c r="M168" s="84">
        <v>806.87800000000004</v>
      </c>
      <c r="N168" s="16">
        <v>28</v>
      </c>
      <c r="O168" s="84">
        <v>1141.1759999999999</v>
      </c>
      <c r="P168" s="16">
        <v>14</v>
      </c>
      <c r="Q168" s="85">
        <v>576.61300000000006</v>
      </c>
      <c r="R168" s="17">
        <v>27</v>
      </c>
      <c r="S168" s="84">
        <v>1161.1310000000001</v>
      </c>
      <c r="T168" s="16">
        <v>15</v>
      </c>
      <c r="U168" s="84">
        <v>806.99099999999999</v>
      </c>
      <c r="V168" s="18">
        <v>28</v>
      </c>
      <c r="W168" s="21">
        <v>14</v>
      </c>
      <c r="X168" s="16" t="s">
        <v>30</v>
      </c>
      <c r="Y168" s="84">
        <v>200.38800000000001</v>
      </c>
      <c r="Z168" s="16">
        <v>23</v>
      </c>
      <c r="AA168" s="84">
        <v>294.11799999999999</v>
      </c>
      <c r="AB168" s="16">
        <v>15</v>
      </c>
      <c r="AC168" s="85">
        <v>155.565</v>
      </c>
      <c r="AD168" s="17">
        <v>21</v>
      </c>
      <c r="AE168" s="84">
        <v>269.346</v>
      </c>
      <c r="AF168" s="16">
        <v>11</v>
      </c>
      <c r="AG168" s="84">
        <v>200.41900000000001</v>
      </c>
      <c r="AH168" s="18">
        <v>23</v>
      </c>
      <c r="AI168" s="84">
        <v>1026.885</v>
      </c>
      <c r="AJ168" s="16">
        <v>27</v>
      </c>
      <c r="AK168" s="84">
        <v>1441.1759999999999</v>
      </c>
      <c r="AL168" s="16">
        <v>14</v>
      </c>
      <c r="AM168" s="85">
        <v>746.28700000000003</v>
      </c>
      <c r="AN168" s="17">
        <v>26</v>
      </c>
      <c r="AO168" s="84">
        <v>1458.5740000000001</v>
      </c>
      <c r="AP168" s="19">
        <v>14</v>
      </c>
      <c r="AQ168" s="84">
        <v>1027.0239999999999</v>
      </c>
      <c r="AR168" s="20">
        <v>27</v>
      </c>
    </row>
    <row r="169" spans="1:44" ht="14.1" customHeight="1" x14ac:dyDescent="0.15">
      <c r="A169" s="21">
        <v>15</v>
      </c>
      <c r="B169" s="15" t="s">
        <v>31</v>
      </c>
      <c r="C169" s="84">
        <v>20.782</v>
      </c>
      <c r="D169" s="16">
        <v>22</v>
      </c>
      <c r="E169" s="84">
        <v>19.231000000000002</v>
      </c>
      <c r="F169" s="16">
        <v>10</v>
      </c>
      <c r="G169" s="85">
        <v>15.154</v>
      </c>
      <c r="H169" s="17">
        <v>17</v>
      </c>
      <c r="I169" s="84">
        <v>27.334</v>
      </c>
      <c r="J169" s="16">
        <v>26</v>
      </c>
      <c r="K169" s="84">
        <v>20.78</v>
      </c>
      <c r="L169" s="18">
        <v>22</v>
      </c>
      <c r="M169" s="84">
        <v>808.34900000000005</v>
      </c>
      <c r="N169" s="16">
        <v>27</v>
      </c>
      <c r="O169" s="84">
        <v>892.30799999999999</v>
      </c>
      <c r="P169" s="16">
        <v>23</v>
      </c>
      <c r="Q169" s="85">
        <v>569.03</v>
      </c>
      <c r="R169" s="17">
        <v>30</v>
      </c>
      <c r="S169" s="84">
        <v>1086.9829999999999</v>
      </c>
      <c r="T169" s="16">
        <v>29</v>
      </c>
      <c r="U169" s="84">
        <v>808.45399999999995</v>
      </c>
      <c r="V169" s="18">
        <v>27</v>
      </c>
      <c r="W169" s="21">
        <v>15</v>
      </c>
      <c r="X169" s="16" t="s">
        <v>31</v>
      </c>
      <c r="Y169" s="84">
        <v>211.58199999999999</v>
      </c>
      <c r="Z169" s="16">
        <v>12</v>
      </c>
      <c r="AA169" s="84">
        <v>280.76900000000001</v>
      </c>
      <c r="AB169" s="16">
        <v>17</v>
      </c>
      <c r="AC169" s="85">
        <v>164.61</v>
      </c>
      <c r="AD169" s="17">
        <v>13</v>
      </c>
      <c r="AE169" s="84">
        <v>266.27199999999999</v>
      </c>
      <c r="AF169" s="16">
        <v>15</v>
      </c>
      <c r="AG169" s="84">
        <v>211.66900000000001</v>
      </c>
      <c r="AH169" s="18">
        <v>12</v>
      </c>
      <c r="AI169" s="84">
        <v>1040.7139999999999</v>
      </c>
      <c r="AJ169" s="16">
        <v>25</v>
      </c>
      <c r="AK169" s="84">
        <v>1192.308</v>
      </c>
      <c r="AL169" s="16">
        <v>22</v>
      </c>
      <c r="AM169" s="85">
        <v>748.79399999999998</v>
      </c>
      <c r="AN169" s="17">
        <v>25</v>
      </c>
      <c r="AO169" s="84">
        <v>1380.588</v>
      </c>
      <c r="AP169" s="19">
        <v>25</v>
      </c>
      <c r="AQ169" s="84">
        <v>1040.903</v>
      </c>
      <c r="AR169" s="20">
        <v>25</v>
      </c>
    </row>
    <row r="170" spans="1:44" ht="14.1" customHeight="1" x14ac:dyDescent="0.15">
      <c r="A170" s="21">
        <v>16</v>
      </c>
      <c r="B170" s="15" t="s">
        <v>32</v>
      </c>
      <c r="C170" s="84">
        <v>20.152000000000001</v>
      </c>
      <c r="D170" s="16">
        <v>27</v>
      </c>
      <c r="E170" s="84">
        <v>0</v>
      </c>
      <c r="F170" s="16">
        <v>19</v>
      </c>
      <c r="G170" s="85">
        <v>15.497</v>
      </c>
      <c r="H170" s="17">
        <v>15</v>
      </c>
      <c r="I170" s="84">
        <v>25.855</v>
      </c>
      <c r="J170" s="16">
        <v>33</v>
      </c>
      <c r="K170" s="84">
        <v>20.145</v>
      </c>
      <c r="L170" s="18">
        <v>27</v>
      </c>
      <c r="M170" s="84">
        <v>803.57399999999996</v>
      </c>
      <c r="N170" s="16">
        <v>30</v>
      </c>
      <c r="O170" s="84">
        <v>480</v>
      </c>
      <c r="P170" s="16">
        <v>29</v>
      </c>
      <c r="Q170" s="85">
        <v>575.72500000000002</v>
      </c>
      <c r="R170" s="17">
        <v>28</v>
      </c>
      <c r="S170" s="84">
        <v>1082.7070000000001</v>
      </c>
      <c r="T170" s="16">
        <v>30</v>
      </c>
      <c r="U170" s="84">
        <v>803.45699999999999</v>
      </c>
      <c r="V170" s="18">
        <v>31</v>
      </c>
      <c r="W170" s="21">
        <v>16</v>
      </c>
      <c r="X170" s="16" t="s">
        <v>32</v>
      </c>
      <c r="Y170" s="84">
        <v>200.56299999999999</v>
      </c>
      <c r="Z170" s="16">
        <v>22</v>
      </c>
      <c r="AA170" s="84">
        <v>190</v>
      </c>
      <c r="AB170" s="16">
        <v>26</v>
      </c>
      <c r="AC170" s="85">
        <v>152.56399999999999</v>
      </c>
      <c r="AD170" s="17">
        <v>27</v>
      </c>
      <c r="AE170" s="84">
        <v>259.36399999999998</v>
      </c>
      <c r="AF170" s="16">
        <v>19</v>
      </c>
      <c r="AG170" s="84">
        <v>200.559</v>
      </c>
      <c r="AH170" s="18">
        <v>22</v>
      </c>
      <c r="AI170" s="84">
        <v>1024.289</v>
      </c>
      <c r="AJ170" s="16">
        <v>28</v>
      </c>
      <c r="AK170" s="84">
        <v>670</v>
      </c>
      <c r="AL170" s="16">
        <v>29</v>
      </c>
      <c r="AM170" s="85">
        <v>743.78700000000003</v>
      </c>
      <c r="AN170" s="17">
        <v>28</v>
      </c>
      <c r="AO170" s="84">
        <v>1367.9259999999999</v>
      </c>
      <c r="AP170" s="19">
        <v>28</v>
      </c>
      <c r="AQ170" s="84">
        <v>1024.1610000000001</v>
      </c>
      <c r="AR170" s="20">
        <v>29</v>
      </c>
    </row>
    <row r="171" spans="1:44" ht="14.1" customHeight="1" x14ac:dyDescent="0.15">
      <c r="A171" s="21">
        <v>17</v>
      </c>
      <c r="B171" s="15" t="s">
        <v>33</v>
      </c>
      <c r="C171" s="84">
        <v>20.623000000000001</v>
      </c>
      <c r="D171" s="16">
        <v>24</v>
      </c>
      <c r="E171" s="84">
        <v>0</v>
      </c>
      <c r="F171" s="16">
        <v>19</v>
      </c>
      <c r="G171" s="85">
        <v>14.63</v>
      </c>
      <c r="H171" s="17">
        <v>23</v>
      </c>
      <c r="I171" s="84">
        <v>28.954000000000001</v>
      </c>
      <c r="J171" s="16">
        <v>14</v>
      </c>
      <c r="K171" s="84">
        <v>20.611999999999998</v>
      </c>
      <c r="L171" s="18">
        <v>24</v>
      </c>
      <c r="M171" s="84">
        <v>805.75300000000004</v>
      </c>
      <c r="N171" s="16">
        <v>29</v>
      </c>
      <c r="O171" s="84">
        <v>875</v>
      </c>
      <c r="P171" s="16">
        <v>24</v>
      </c>
      <c r="Q171" s="85">
        <v>566.46100000000001</v>
      </c>
      <c r="R171" s="17">
        <v>31</v>
      </c>
      <c r="S171" s="84">
        <v>1138.374</v>
      </c>
      <c r="T171" s="16">
        <v>18</v>
      </c>
      <c r="U171" s="84">
        <v>805.79100000000005</v>
      </c>
      <c r="V171" s="18">
        <v>29</v>
      </c>
      <c r="W171" s="21">
        <v>17</v>
      </c>
      <c r="X171" s="16" t="s">
        <v>33</v>
      </c>
      <c r="Y171" s="84">
        <v>206.49600000000001</v>
      </c>
      <c r="Z171" s="16">
        <v>18</v>
      </c>
      <c r="AA171" s="84">
        <v>356.25</v>
      </c>
      <c r="AB171" s="16">
        <v>9</v>
      </c>
      <c r="AC171" s="85">
        <v>158.536</v>
      </c>
      <c r="AD171" s="17">
        <v>19</v>
      </c>
      <c r="AE171" s="84">
        <v>273.161</v>
      </c>
      <c r="AF171" s="16">
        <v>7</v>
      </c>
      <c r="AG171" s="84">
        <v>206.57900000000001</v>
      </c>
      <c r="AH171" s="18">
        <v>18</v>
      </c>
      <c r="AI171" s="84">
        <v>1032.8720000000001</v>
      </c>
      <c r="AJ171" s="16">
        <v>26</v>
      </c>
      <c r="AK171" s="84">
        <v>1231.25</v>
      </c>
      <c r="AL171" s="16">
        <v>20</v>
      </c>
      <c r="AM171" s="85">
        <v>739.62699999999995</v>
      </c>
      <c r="AN171" s="17">
        <v>31</v>
      </c>
      <c r="AO171" s="84">
        <v>1440.489</v>
      </c>
      <c r="AP171" s="19">
        <v>16</v>
      </c>
      <c r="AQ171" s="84">
        <v>1032.982</v>
      </c>
      <c r="AR171" s="20">
        <v>26</v>
      </c>
    </row>
    <row r="172" spans="1:44" ht="14.1" customHeight="1" x14ac:dyDescent="0.15">
      <c r="A172" s="21">
        <v>18</v>
      </c>
      <c r="B172" s="15" t="s">
        <v>34</v>
      </c>
      <c r="C172" s="84">
        <v>24.943999999999999</v>
      </c>
      <c r="D172" s="16">
        <v>7</v>
      </c>
      <c r="E172" s="84">
        <v>19.047999999999998</v>
      </c>
      <c r="F172" s="16">
        <v>11</v>
      </c>
      <c r="G172" s="85">
        <v>21.085999999999999</v>
      </c>
      <c r="H172" s="17">
        <v>3</v>
      </c>
      <c r="I172" s="84">
        <v>29.024999999999999</v>
      </c>
      <c r="J172" s="16">
        <v>13</v>
      </c>
      <c r="K172" s="84">
        <v>24.93</v>
      </c>
      <c r="L172" s="18">
        <v>7</v>
      </c>
      <c r="M172" s="84">
        <v>896.31899999999996</v>
      </c>
      <c r="N172" s="16">
        <v>7</v>
      </c>
      <c r="O172" s="84">
        <v>1019.048</v>
      </c>
      <c r="P172" s="16">
        <v>18</v>
      </c>
      <c r="Q172" s="85">
        <v>603.74400000000003</v>
      </c>
      <c r="R172" s="17">
        <v>16</v>
      </c>
      <c r="S172" s="84">
        <v>1205.837</v>
      </c>
      <c r="T172" s="16">
        <v>9</v>
      </c>
      <c r="U172" s="84">
        <v>896.60900000000004</v>
      </c>
      <c r="V172" s="18">
        <v>7</v>
      </c>
      <c r="W172" s="21">
        <v>18</v>
      </c>
      <c r="X172" s="16" t="s">
        <v>34</v>
      </c>
      <c r="Y172" s="84">
        <v>224.04300000000001</v>
      </c>
      <c r="Z172" s="16">
        <v>4</v>
      </c>
      <c r="AA172" s="84">
        <v>171.429</v>
      </c>
      <c r="AB172" s="16">
        <v>27</v>
      </c>
      <c r="AC172" s="85">
        <v>174.053</v>
      </c>
      <c r="AD172" s="17">
        <v>6</v>
      </c>
      <c r="AE172" s="84">
        <v>276.928</v>
      </c>
      <c r="AF172" s="16">
        <v>6</v>
      </c>
      <c r="AG172" s="84">
        <v>223.91900000000001</v>
      </c>
      <c r="AH172" s="18">
        <v>4</v>
      </c>
      <c r="AI172" s="84">
        <v>1145.306</v>
      </c>
      <c r="AJ172" s="16">
        <v>6</v>
      </c>
      <c r="AK172" s="84">
        <v>1209.5239999999999</v>
      </c>
      <c r="AL172" s="16">
        <v>21</v>
      </c>
      <c r="AM172" s="85">
        <v>798.88300000000004</v>
      </c>
      <c r="AN172" s="17">
        <v>12</v>
      </c>
      <c r="AO172" s="84">
        <v>1511.7909999999999</v>
      </c>
      <c r="AP172" s="19">
        <v>10</v>
      </c>
      <c r="AQ172" s="84">
        <v>1145.4580000000001</v>
      </c>
      <c r="AR172" s="78">
        <v>6</v>
      </c>
    </row>
    <row r="173" spans="1:44" ht="14.1" customHeight="1" x14ac:dyDescent="0.15">
      <c r="A173" s="21">
        <v>19</v>
      </c>
      <c r="B173" s="15" t="s">
        <v>35</v>
      </c>
      <c r="C173" s="84">
        <v>17.891999999999999</v>
      </c>
      <c r="D173" s="16">
        <v>33</v>
      </c>
      <c r="E173" s="84">
        <v>-25</v>
      </c>
      <c r="F173" s="16">
        <v>33</v>
      </c>
      <c r="G173" s="85">
        <v>11.000999999999999</v>
      </c>
      <c r="H173" s="17">
        <v>33</v>
      </c>
      <c r="I173" s="84">
        <v>27.812000000000001</v>
      </c>
      <c r="J173" s="16">
        <v>22</v>
      </c>
      <c r="K173" s="84">
        <v>17.87</v>
      </c>
      <c r="L173" s="18">
        <v>33</v>
      </c>
      <c r="M173" s="84">
        <v>852.72900000000004</v>
      </c>
      <c r="N173" s="16">
        <v>17</v>
      </c>
      <c r="O173" s="84">
        <v>1225</v>
      </c>
      <c r="P173" s="16">
        <v>7</v>
      </c>
      <c r="Q173" s="85">
        <v>580.70100000000002</v>
      </c>
      <c r="R173" s="17">
        <v>25</v>
      </c>
      <c r="S173" s="84">
        <v>1244.316</v>
      </c>
      <c r="T173" s="16">
        <v>6</v>
      </c>
      <c r="U173" s="84">
        <v>852.91399999999999</v>
      </c>
      <c r="V173" s="18">
        <v>17</v>
      </c>
      <c r="W173" s="21">
        <v>19</v>
      </c>
      <c r="X173" s="16" t="s">
        <v>35</v>
      </c>
      <c r="Y173" s="84">
        <v>212.59700000000001</v>
      </c>
      <c r="Z173" s="16">
        <v>9</v>
      </c>
      <c r="AA173" s="84">
        <v>225</v>
      </c>
      <c r="AB173" s="16">
        <v>22</v>
      </c>
      <c r="AC173" s="85">
        <v>174.97900000000001</v>
      </c>
      <c r="AD173" s="17">
        <v>3</v>
      </c>
      <c r="AE173" s="84">
        <v>266.74799999999999</v>
      </c>
      <c r="AF173" s="16">
        <v>14</v>
      </c>
      <c r="AG173" s="84">
        <v>212.60300000000001</v>
      </c>
      <c r="AH173" s="18">
        <v>9</v>
      </c>
      <c r="AI173" s="84">
        <v>1083.2170000000001</v>
      </c>
      <c r="AJ173" s="16">
        <v>14</v>
      </c>
      <c r="AK173" s="84">
        <v>1425</v>
      </c>
      <c r="AL173" s="16">
        <v>16</v>
      </c>
      <c r="AM173" s="85">
        <v>766.68100000000004</v>
      </c>
      <c r="AN173" s="17">
        <v>19</v>
      </c>
      <c r="AO173" s="84">
        <v>1538.875</v>
      </c>
      <c r="AP173" s="19">
        <v>5</v>
      </c>
      <c r="AQ173" s="84">
        <v>1083.3869999999999</v>
      </c>
      <c r="AR173" s="78">
        <v>14</v>
      </c>
    </row>
    <row r="174" spans="1:44" ht="14.1" customHeight="1" x14ac:dyDescent="0.15">
      <c r="A174" s="21">
        <v>20</v>
      </c>
      <c r="B174" s="15" t="s">
        <v>36</v>
      </c>
      <c r="C174" s="84">
        <v>21.555</v>
      </c>
      <c r="D174" s="16">
        <v>16</v>
      </c>
      <c r="E174" s="84">
        <v>0</v>
      </c>
      <c r="F174" s="16">
        <v>19</v>
      </c>
      <c r="G174" s="85">
        <v>15.118</v>
      </c>
      <c r="H174" s="17">
        <v>18</v>
      </c>
      <c r="I174" s="84">
        <v>29.038</v>
      </c>
      <c r="J174" s="16">
        <v>12</v>
      </c>
      <c r="K174" s="84">
        <v>21.541</v>
      </c>
      <c r="L174" s="18">
        <v>16</v>
      </c>
      <c r="M174" s="84">
        <v>813.39099999999996</v>
      </c>
      <c r="N174" s="16">
        <v>25</v>
      </c>
      <c r="O174" s="84">
        <v>1100</v>
      </c>
      <c r="P174" s="16">
        <v>15</v>
      </c>
      <c r="Q174" s="85">
        <v>583.74400000000003</v>
      </c>
      <c r="R174" s="17">
        <v>24</v>
      </c>
      <c r="S174" s="84">
        <v>1080.3610000000001</v>
      </c>
      <c r="T174" s="16">
        <v>31</v>
      </c>
      <c r="U174" s="84">
        <v>813.577</v>
      </c>
      <c r="V174" s="18">
        <v>25</v>
      </c>
      <c r="W174" s="21">
        <v>20</v>
      </c>
      <c r="X174" s="16" t="s">
        <v>36</v>
      </c>
      <c r="Y174" s="84">
        <v>209.601</v>
      </c>
      <c r="Z174" s="16">
        <v>15</v>
      </c>
      <c r="AA174" s="84">
        <v>585.71400000000006</v>
      </c>
      <c r="AB174" s="16">
        <v>1</v>
      </c>
      <c r="AC174" s="85">
        <v>159.45500000000001</v>
      </c>
      <c r="AD174" s="17">
        <v>17</v>
      </c>
      <c r="AE174" s="84">
        <v>267.89600000000002</v>
      </c>
      <c r="AF174" s="16">
        <v>12</v>
      </c>
      <c r="AG174" s="84">
        <v>209.84399999999999</v>
      </c>
      <c r="AH174" s="18">
        <v>15</v>
      </c>
      <c r="AI174" s="84">
        <v>1044.546</v>
      </c>
      <c r="AJ174" s="16">
        <v>22</v>
      </c>
      <c r="AK174" s="84">
        <v>1685.7139999999999</v>
      </c>
      <c r="AL174" s="16">
        <v>5</v>
      </c>
      <c r="AM174" s="85">
        <v>758.31799999999998</v>
      </c>
      <c r="AN174" s="17">
        <v>23</v>
      </c>
      <c r="AO174" s="84">
        <v>1377.2950000000001</v>
      </c>
      <c r="AP174" s="19">
        <v>26</v>
      </c>
      <c r="AQ174" s="84">
        <v>1044.962</v>
      </c>
      <c r="AR174" s="78">
        <v>22</v>
      </c>
    </row>
    <row r="175" spans="1:44" ht="14.1" customHeight="1" x14ac:dyDescent="0.15">
      <c r="A175" s="21">
        <v>21</v>
      </c>
      <c r="B175" s="15" t="s">
        <v>37</v>
      </c>
      <c r="C175" s="84">
        <v>20.66</v>
      </c>
      <c r="D175" s="16">
        <v>23</v>
      </c>
      <c r="E175" s="84">
        <v>13.333</v>
      </c>
      <c r="F175" s="16">
        <v>14</v>
      </c>
      <c r="G175" s="85">
        <v>14.891999999999999</v>
      </c>
      <c r="H175" s="17">
        <v>21</v>
      </c>
      <c r="I175" s="84">
        <v>28.300999999999998</v>
      </c>
      <c r="J175" s="16">
        <v>18</v>
      </c>
      <c r="K175" s="84">
        <v>20.654</v>
      </c>
      <c r="L175" s="18">
        <v>23</v>
      </c>
      <c r="M175" s="84">
        <v>762.44200000000001</v>
      </c>
      <c r="N175" s="16">
        <v>33</v>
      </c>
      <c r="O175" s="84">
        <v>1186.6669999999999</v>
      </c>
      <c r="P175" s="16">
        <v>10</v>
      </c>
      <c r="Q175" s="85">
        <v>542.63300000000004</v>
      </c>
      <c r="R175" s="17">
        <v>33</v>
      </c>
      <c r="S175" s="84">
        <v>1053.672</v>
      </c>
      <c r="T175" s="16">
        <v>32</v>
      </c>
      <c r="U175" s="84">
        <v>762.76099999999997</v>
      </c>
      <c r="V175" s="18">
        <v>33</v>
      </c>
      <c r="W175" s="21">
        <v>21</v>
      </c>
      <c r="X175" s="16" t="s">
        <v>37</v>
      </c>
      <c r="Y175" s="84">
        <v>208.065</v>
      </c>
      <c r="Z175" s="16">
        <v>17</v>
      </c>
      <c r="AA175" s="84">
        <v>366.66699999999997</v>
      </c>
      <c r="AB175" s="16">
        <v>7</v>
      </c>
      <c r="AC175" s="85">
        <v>160.821</v>
      </c>
      <c r="AD175" s="17">
        <v>16</v>
      </c>
      <c r="AE175" s="84">
        <v>270.66000000000003</v>
      </c>
      <c r="AF175" s="16">
        <v>10</v>
      </c>
      <c r="AG175" s="84">
        <v>208.184</v>
      </c>
      <c r="AH175" s="18">
        <v>17</v>
      </c>
      <c r="AI175" s="84">
        <v>991.16700000000003</v>
      </c>
      <c r="AJ175" s="16">
        <v>33</v>
      </c>
      <c r="AK175" s="84">
        <v>1566.6669999999999</v>
      </c>
      <c r="AL175" s="16">
        <v>11</v>
      </c>
      <c r="AM175" s="85">
        <v>718.34699999999998</v>
      </c>
      <c r="AN175" s="17">
        <v>32</v>
      </c>
      <c r="AO175" s="84">
        <v>1352.633</v>
      </c>
      <c r="AP175" s="19">
        <v>29</v>
      </c>
      <c r="AQ175" s="84">
        <v>991.6</v>
      </c>
      <c r="AR175" s="78">
        <v>33</v>
      </c>
    </row>
    <row r="176" spans="1:44" ht="14.1" customHeight="1" x14ac:dyDescent="0.15">
      <c r="A176" s="21">
        <v>22</v>
      </c>
      <c r="B176" s="15" t="s">
        <v>38</v>
      </c>
      <c r="C176" s="84">
        <v>22.597000000000001</v>
      </c>
      <c r="D176" s="16">
        <v>13</v>
      </c>
      <c r="E176" s="84">
        <v>0</v>
      </c>
      <c r="F176" s="16">
        <v>19</v>
      </c>
      <c r="G176" s="85">
        <v>18.64</v>
      </c>
      <c r="H176" s="17">
        <v>8</v>
      </c>
      <c r="I176" s="84">
        <v>26.512</v>
      </c>
      <c r="J176" s="16">
        <v>32</v>
      </c>
      <c r="K176" s="84">
        <v>22.588000000000001</v>
      </c>
      <c r="L176" s="18">
        <v>13</v>
      </c>
      <c r="M176" s="84">
        <v>882.29899999999998</v>
      </c>
      <c r="N176" s="16">
        <v>11</v>
      </c>
      <c r="O176" s="84">
        <v>900</v>
      </c>
      <c r="P176" s="16">
        <v>22</v>
      </c>
      <c r="Q176" s="85">
        <v>594.01700000000005</v>
      </c>
      <c r="R176" s="17">
        <v>20</v>
      </c>
      <c r="S176" s="84">
        <v>1167.518</v>
      </c>
      <c r="T176" s="16">
        <v>14</v>
      </c>
      <c r="U176" s="84">
        <v>882.30600000000004</v>
      </c>
      <c r="V176" s="18">
        <v>11</v>
      </c>
      <c r="W176" s="21">
        <v>22</v>
      </c>
      <c r="X176" s="16" t="s">
        <v>38</v>
      </c>
      <c r="Y176" s="84">
        <v>216.35300000000001</v>
      </c>
      <c r="Z176" s="16">
        <v>8</v>
      </c>
      <c r="AA176" s="84">
        <v>200</v>
      </c>
      <c r="AB176" s="16">
        <v>25</v>
      </c>
      <c r="AC176" s="85">
        <v>165.38</v>
      </c>
      <c r="AD176" s="17">
        <v>12</v>
      </c>
      <c r="AE176" s="84">
        <v>266.78500000000003</v>
      </c>
      <c r="AF176" s="16">
        <v>13</v>
      </c>
      <c r="AG176" s="84">
        <v>216.34700000000001</v>
      </c>
      <c r="AH176" s="18">
        <v>8</v>
      </c>
      <c r="AI176" s="84">
        <v>1121.249</v>
      </c>
      <c r="AJ176" s="16">
        <v>11</v>
      </c>
      <c r="AK176" s="84">
        <v>1100</v>
      </c>
      <c r="AL176" s="16">
        <v>24</v>
      </c>
      <c r="AM176" s="85">
        <v>778.03599999999994</v>
      </c>
      <c r="AN176" s="17">
        <v>16</v>
      </c>
      <c r="AO176" s="84">
        <v>1460.8150000000001</v>
      </c>
      <c r="AP176" s="19">
        <v>12</v>
      </c>
      <c r="AQ176" s="84">
        <v>1121.241</v>
      </c>
      <c r="AR176" s="78">
        <v>11</v>
      </c>
    </row>
    <row r="177" spans="1:44" ht="14.1" customHeight="1" x14ac:dyDescent="0.15">
      <c r="A177" s="21">
        <v>23</v>
      </c>
      <c r="B177" s="15" t="s">
        <v>39</v>
      </c>
      <c r="C177" s="84">
        <v>22.111000000000001</v>
      </c>
      <c r="D177" s="16">
        <v>15</v>
      </c>
      <c r="E177" s="84">
        <v>0</v>
      </c>
      <c r="F177" s="16">
        <v>19</v>
      </c>
      <c r="G177" s="85">
        <v>16.541</v>
      </c>
      <c r="H177" s="17">
        <v>12</v>
      </c>
      <c r="I177" s="84">
        <v>27.731000000000002</v>
      </c>
      <c r="J177" s="16">
        <v>23</v>
      </c>
      <c r="K177" s="84">
        <v>22.081</v>
      </c>
      <c r="L177" s="18">
        <v>15</v>
      </c>
      <c r="M177" s="84">
        <v>856.48699999999997</v>
      </c>
      <c r="N177" s="16">
        <v>15</v>
      </c>
      <c r="O177" s="84">
        <v>1055.556</v>
      </c>
      <c r="P177" s="16">
        <v>17</v>
      </c>
      <c r="Q177" s="85">
        <v>607.15800000000002</v>
      </c>
      <c r="R177" s="17">
        <v>14</v>
      </c>
      <c r="S177" s="84">
        <v>1108.01</v>
      </c>
      <c r="T177" s="16">
        <v>26</v>
      </c>
      <c r="U177" s="84">
        <v>856.75699999999995</v>
      </c>
      <c r="V177" s="18">
        <v>15</v>
      </c>
      <c r="W177" s="21">
        <v>23</v>
      </c>
      <c r="X177" s="16" t="s">
        <v>39</v>
      </c>
      <c r="Y177" s="84">
        <v>202.68799999999999</v>
      </c>
      <c r="Z177" s="16">
        <v>19</v>
      </c>
      <c r="AA177" s="84">
        <v>277.77800000000002</v>
      </c>
      <c r="AB177" s="16">
        <v>18</v>
      </c>
      <c r="AC177" s="85">
        <v>154.16499999999999</v>
      </c>
      <c r="AD177" s="17">
        <v>25</v>
      </c>
      <c r="AE177" s="84">
        <v>251.63800000000001</v>
      </c>
      <c r="AF177" s="16">
        <v>22</v>
      </c>
      <c r="AG177" s="84">
        <v>202.79</v>
      </c>
      <c r="AH177" s="18">
        <v>19</v>
      </c>
      <c r="AI177" s="84">
        <v>1081.287</v>
      </c>
      <c r="AJ177" s="16">
        <v>15</v>
      </c>
      <c r="AK177" s="84">
        <v>1333.3330000000001</v>
      </c>
      <c r="AL177" s="16">
        <v>18</v>
      </c>
      <c r="AM177" s="85">
        <v>777.86500000000001</v>
      </c>
      <c r="AN177" s="17">
        <v>17</v>
      </c>
      <c r="AO177" s="84">
        <v>1387.3789999999999</v>
      </c>
      <c r="AP177" s="19">
        <v>24</v>
      </c>
      <c r="AQ177" s="84">
        <v>1081.6289999999999</v>
      </c>
      <c r="AR177" s="78">
        <v>15</v>
      </c>
    </row>
    <row r="178" spans="1:44" ht="14.1" customHeight="1" x14ac:dyDescent="0.15">
      <c r="A178" s="21">
        <v>24</v>
      </c>
      <c r="B178" s="15" t="s">
        <v>40</v>
      </c>
      <c r="C178" s="84">
        <v>23.451000000000001</v>
      </c>
      <c r="D178" s="16">
        <v>8</v>
      </c>
      <c r="E178" s="84">
        <v>0</v>
      </c>
      <c r="F178" s="16">
        <v>19</v>
      </c>
      <c r="G178" s="85">
        <v>19.035</v>
      </c>
      <c r="H178" s="17">
        <v>6</v>
      </c>
      <c r="I178" s="84">
        <v>27.37</v>
      </c>
      <c r="J178" s="16">
        <v>25</v>
      </c>
      <c r="K178" s="84">
        <v>23.402999999999999</v>
      </c>
      <c r="L178" s="18">
        <v>8</v>
      </c>
      <c r="M178" s="84">
        <v>901.53899999999999</v>
      </c>
      <c r="N178" s="16">
        <v>5</v>
      </c>
      <c r="O178" s="84">
        <v>760</v>
      </c>
      <c r="P178" s="16">
        <v>25</v>
      </c>
      <c r="Q178" s="85">
        <v>636.95100000000002</v>
      </c>
      <c r="R178" s="17">
        <v>4</v>
      </c>
      <c r="S178" s="84">
        <v>1136.3910000000001</v>
      </c>
      <c r="T178" s="16">
        <v>19</v>
      </c>
      <c r="U178" s="84">
        <v>901.25300000000004</v>
      </c>
      <c r="V178" s="18">
        <v>5</v>
      </c>
      <c r="W178" s="21">
        <v>24</v>
      </c>
      <c r="X178" s="16" t="s">
        <v>40</v>
      </c>
      <c r="Y178" s="84">
        <v>209.59899999999999</v>
      </c>
      <c r="Z178" s="16">
        <v>16</v>
      </c>
      <c r="AA178" s="84">
        <v>220</v>
      </c>
      <c r="AB178" s="16">
        <v>23</v>
      </c>
      <c r="AC178" s="85">
        <v>165.71899999999999</v>
      </c>
      <c r="AD178" s="17">
        <v>10</v>
      </c>
      <c r="AE178" s="84">
        <v>248.547</v>
      </c>
      <c r="AF178" s="16">
        <v>24</v>
      </c>
      <c r="AG178" s="84">
        <v>209.62</v>
      </c>
      <c r="AH178" s="18">
        <v>16</v>
      </c>
      <c r="AI178" s="84">
        <v>1134.5889999999999</v>
      </c>
      <c r="AJ178" s="16">
        <v>8</v>
      </c>
      <c r="AK178" s="84">
        <v>980</v>
      </c>
      <c r="AL178" s="16">
        <v>25</v>
      </c>
      <c r="AM178" s="85">
        <v>821.70500000000004</v>
      </c>
      <c r="AN178" s="17">
        <v>6</v>
      </c>
      <c r="AO178" s="84">
        <v>1412.309</v>
      </c>
      <c r="AP178" s="19">
        <v>19</v>
      </c>
      <c r="AQ178" s="84">
        <v>1134.2760000000001</v>
      </c>
      <c r="AR178" s="78">
        <v>8</v>
      </c>
    </row>
    <row r="179" spans="1:44" ht="14.1" customHeight="1" x14ac:dyDescent="0.15">
      <c r="A179" s="21">
        <v>25</v>
      </c>
      <c r="B179" s="15" t="s">
        <v>41</v>
      </c>
      <c r="C179" s="84">
        <v>20.888000000000002</v>
      </c>
      <c r="D179" s="16">
        <v>21</v>
      </c>
      <c r="E179" s="84">
        <v>0</v>
      </c>
      <c r="F179" s="16">
        <v>19</v>
      </c>
      <c r="G179" s="85">
        <v>14.157</v>
      </c>
      <c r="H179" s="17">
        <v>27</v>
      </c>
      <c r="I179" s="84">
        <v>28.38</v>
      </c>
      <c r="J179" s="16">
        <v>17</v>
      </c>
      <c r="K179" s="84">
        <v>20.872</v>
      </c>
      <c r="L179" s="18">
        <v>21</v>
      </c>
      <c r="M179" s="84">
        <v>856.21400000000006</v>
      </c>
      <c r="N179" s="16">
        <v>16</v>
      </c>
      <c r="O179" s="84">
        <v>1166.6669999999999</v>
      </c>
      <c r="P179" s="16">
        <v>13</v>
      </c>
      <c r="Q179" s="85">
        <v>594.98</v>
      </c>
      <c r="R179" s="17">
        <v>19</v>
      </c>
      <c r="S179" s="84">
        <v>1146.9269999999999</v>
      </c>
      <c r="T179" s="16">
        <v>16</v>
      </c>
      <c r="U179" s="84">
        <v>856.46</v>
      </c>
      <c r="V179" s="18">
        <v>16</v>
      </c>
      <c r="W179" s="21">
        <v>25</v>
      </c>
      <c r="X179" s="16" t="s">
        <v>41</v>
      </c>
      <c r="Y179" s="84">
        <v>184.13499999999999</v>
      </c>
      <c r="Z179" s="16">
        <v>29</v>
      </c>
      <c r="AA179" s="84">
        <v>433.33300000000003</v>
      </c>
      <c r="AB179" s="16">
        <v>4</v>
      </c>
      <c r="AC179" s="85">
        <v>154.869</v>
      </c>
      <c r="AD179" s="17">
        <v>23</v>
      </c>
      <c r="AE179" s="84">
        <v>216.70400000000001</v>
      </c>
      <c r="AF179" s="16">
        <v>30</v>
      </c>
      <c r="AG179" s="84">
        <v>184.333</v>
      </c>
      <c r="AH179" s="18">
        <v>29</v>
      </c>
      <c r="AI179" s="84">
        <v>1061.2370000000001</v>
      </c>
      <c r="AJ179" s="16">
        <v>18</v>
      </c>
      <c r="AK179" s="84">
        <v>1600</v>
      </c>
      <c r="AL179" s="16">
        <v>8</v>
      </c>
      <c r="AM179" s="85">
        <v>764.00599999999997</v>
      </c>
      <c r="AN179" s="17">
        <v>20</v>
      </c>
      <c r="AO179" s="84">
        <v>1392.011</v>
      </c>
      <c r="AP179" s="19">
        <v>22</v>
      </c>
      <c r="AQ179" s="84">
        <v>1061.664</v>
      </c>
      <c r="AR179" s="78">
        <v>18</v>
      </c>
    </row>
    <row r="180" spans="1:44" ht="14.1" customHeight="1" x14ac:dyDescent="0.15">
      <c r="A180" s="21">
        <v>26</v>
      </c>
      <c r="B180" s="15" t="s">
        <v>42</v>
      </c>
      <c r="C180" s="84">
        <v>25.879000000000001</v>
      </c>
      <c r="D180" s="16">
        <v>2</v>
      </c>
      <c r="E180" s="84">
        <v>0</v>
      </c>
      <c r="F180" s="16">
        <v>19</v>
      </c>
      <c r="G180" s="85">
        <v>16.734000000000002</v>
      </c>
      <c r="H180" s="17">
        <v>11</v>
      </c>
      <c r="I180" s="84">
        <v>34.720999999999997</v>
      </c>
      <c r="J180" s="16">
        <v>3</v>
      </c>
      <c r="K180" s="84">
        <v>25.765000000000001</v>
      </c>
      <c r="L180" s="18">
        <v>2</v>
      </c>
      <c r="M180" s="84">
        <v>874.12099999999998</v>
      </c>
      <c r="N180" s="16">
        <v>13</v>
      </c>
      <c r="O180" s="84">
        <v>654.54499999999996</v>
      </c>
      <c r="P180" s="16">
        <v>26</v>
      </c>
      <c r="Q180" s="85">
        <v>624.452</v>
      </c>
      <c r="R180" s="17">
        <v>9</v>
      </c>
      <c r="S180" s="84">
        <v>1115.5540000000001</v>
      </c>
      <c r="T180" s="16">
        <v>22</v>
      </c>
      <c r="U180" s="84">
        <v>873.16099999999994</v>
      </c>
      <c r="V180" s="18">
        <v>13</v>
      </c>
      <c r="W180" s="21">
        <v>26</v>
      </c>
      <c r="X180" s="16" t="s">
        <v>42</v>
      </c>
      <c r="Y180" s="84">
        <v>226.637</v>
      </c>
      <c r="Z180" s="16">
        <v>2</v>
      </c>
      <c r="AA180" s="84">
        <v>209.09100000000001</v>
      </c>
      <c r="AB180" s="16">
        <v>24</v>
      </c>
      <c r="AC180" s="85">
        <v>188.465</v>
      </c>
      <c r="AD180" s="17">
        <v>1</v>
      </c>
      <c r="AE180" s="84">
        <v>263.55099999999999</v>
      </c>
      <c r="AF180" s="16">
        <v>16</v>
      </c>
      <c r="AG180" s="84">
        <v>226.56100000000001</v>
      </c>
      <c r="AH180" s="18">
        <v>2</v>
      </c>
      <c r="AI180" s="84">
        <v>1126.6369999999999</v>
      </c>
      <c r="AJ180" s="16">
        <v>9</v>
      </c>
      <c r="AK180" s="84">
        <v>863.63599999999997</v>
      </c>
      <c r="AL180" s="16">
        <v>27</v>
      </c>
      <c r="AM180" s="85">
        <v>829.65099999999995</v>
      </c>
      <c r="AN180" s="17">
        <v>3</v>
      </c>
      <c r="AO180" s="84">
        <v>1413.826</v>
      </c>
      <c r="AP180" s="19">
        <v>18</v>
      </c>
      <c r="AQ180" s="84">
        <v>1125.4870000000001</v>
      </c>
      <c r="AR180" s="20">
        <v>9</v>
      </c>
    </row>
    <row r="181" spans="1:44" ht="14.1" customHeight="1" x14ac:dyDescent="0.15">
      <c r="A181" s="21">
        <v>27</v>
      </c>
      <c r="B181" s="15" t="s">
        <v>43</v>
      </c>
      <c r="C181" s="84">
        <v>30.960999999999999</v>
      </c>
      <c r="D181" s="16">
        <v>1</v>
      </c>
      <c r="E181" s="84">
        <v>0</v>
      </c>
      <c r="F181" s="16">
        <v>19</v>
      </c>
      <c r="G181" s="85">
        <v>21.645</v>
      </c>
      <c r="H181" s="17">
        <v>2</v>
      </c>
      <c r="I181" s="84">
        <v>37.999000000000002</v>
      </c>
      <c r="J181" s="16">
        <v>1</v>
      </c>
      <c r="K181" s="84">
        <v>30.937999999999999</v>
      </c>
      <c r="L181" s="18">
        <v>1</v>
      </c>
      <c r="M181" s="84">
        <v>959.87300000000005</v>
      </c>
      <c r="N181" s="16">
        <v>1</v>
      </c>
      <c r="O181" s="84">
        <v>250</v>
      </c>
      <c r="P181" s="16">
        <v>31</v>
      </c>
      <c r="Q181" s="85">
        <v>680.43299999999999</v>
      </c>
      <c r="R181" s="17">
        <v>1</v>
      </c>
      <c r="S181" s="84">
        <v>1170.961</v>
      </c>
      <c r="T181" s="16">
        <v>12</v>
      </c>
      <c r="U181" s="84">
        <v>959.34500000000003</v>
      </c>
      <c r="V181" s="18">
        <v>1</v>
      </c>
      <c r="W181" s="21">
        <v>27</v>
      </c>
      <c r="X181" s="16" t="s">
        <v>43</v>
      </c>
      <c r="Y181" s="84">
        <v>217.548</v>
      </c>
      <c r="Z181" s="16">
        <v>7</v>
      </c>
      <c r="AA181" s="84">
        <v>50</v>
      </c>
      <c r="AB181" s="16">
        <v>30</v>
      </c>
      <c r="AC181" s="85">
        <v>173.76599999999999</v>
      </c>
      <c r="AD181" s="17">
        <v>7</v>
      </c>
      <c r="AE181" s="84">
        <v>250.62100000000001</v>
      </c>
      <c r="AF181" s="16">
        <v>23</v>
      </c>
      <c r="AG181" s="84">
        <v>217.42400000000001</v>
      </c>
      <c r="AH181" s="18">
        <v>7</v>
      </c>
      <c r="AI181" s="84">
        <v>1208.383</v>
      </c>
      <c r="AJ181" s="16">
        <v>1</v>
      </c>
      <c r="AK181" s="84">
        <v>300</v>
      </c>
      <c r="AL181" s="16">
        <v>31</v>
      </c>
      <c r="AM181" s="85">
        <v>875.84400000000005</v>
      </c>
      <c r="AN181" s="17">
        <v>1</v>
      </c>
      <c r="AO181" s="84">
        <v>1459.5809999999999</v>
      </c>
      <c r="AP181" s="19">
        <v>13</v>
      </c>
      <c r="AQ181" s="84">
        <v>1207.7070000000001</v>
      </c>
      <c r="AR181" s="20">
        <v>1</v>
      </c>
    </row>
    <row r="182" spans="1:44" ht="14.1" customHeight="1" x14ac:dyDescent="0.15">
      <c r="A182" s="21">
        <v>28</v>
      </c>
      <c r="B182" s="15" t="s">
        <v>44</v>
      </c>
      <c r="C182" s="84">
        <v>22.882999999999999</v>
      </c>
      <c r="D182" s="16">
        <v>9</v>
      </c>
      <c r="E182" s="84">
        <v>171.429</v>
      </c>
      <c r="F182" s="16">
        <v>1</v>
      </c>
      <c r="G182" s="85">
        <v>19.169</v>
      </c>
      <c r="H182" s="17">
        <v>5</v>
      </c>
      <c r="I182" s="84">
        <v>26.981000000000002</v>
      </c>
      <c r="J182" s="16">
        <v>29</v>
      </c>
      <c r="K182" s="84">
        <v>23.206</v>
      </c>
      <c r="L182" s="18">
        <v>9</v>
      </c>
      <c r="M182" s="84">
        <v>929.42100000000005</v>
      </c>
      <c r="N182" s="16">
        <v>3</v>
      </c>
      <c r="O182" s="84">
        <v>1371.4290000000001</v>
      </c>
      <c r="P182" s="16">
        <v>2</v>
      </c>
      <c r="Q182" s="85">
        <v>635.66800000000001</v>
      </c>
      <c r="R182" s="17">
        <v>5</v>
      </c>
      <c r="S182" s="84">
        <v>1253.569</v>
      </c>
      <c r="T182" s="16">
        <v>3</v>
      </c>
      <c r="U182" s="84">
        <v>930.38199999999995</v>
      </c>
      <c r="V182" s="18">
        <v>3</v>
      </c>
      <c r="W182" s="21">
        <v>28</v>
      </c>
      <c r="X182" s="16" t="s">
        <v>44</v>
      </c>
      <c r="Y182" s="84">
        <v>211.613</v>
      </c>
      <c r="Z182" s="16">
        <v>11</v>
      </c>
      <c r="AA182" s="84">
        <v>357.14299999999997</v>
      </c>
      <c r="AB182" s="16">
        <v>8</v>
      </c>
      <c r="AC182" s="85">
        <v>170.44499999999999</v>
      </c>
      <c r="AD182" s="17">
        <v>8</v>
      </c>
      <c r="AE182" s="84">
        <v>257.04000000000002</v>
      </c>
      <c r="AF182" s="16">
        <v>20</v>
      </c>
      <c r="AG182" s="84">
        <v>211.929</v>
      </c>
      <c r="AH182" s="18">
        <v>10</v>
      </c>
      <c r="AI182" s="84">
        <v>1163.9169999999999</v>
      </c>
      <c r="AJ182" s="16">
        <v>3</v>
      </c>
      <c r="AK182" s="84">
        <v>1900</v>
      </c>
      <c r="AL182" s="16">
        <v>1</v>
      </c>
      <c r="AM182" s="85">
        <v>825.28200000000004</v>
      </c>
      <c r="AN182" s="17">
        <v>4</v>
      </c>
      <c r="AO182" s="84">
        <v>1537.59</v>
      </c>
      <c r="AP182" s="19">
        <v>6</v>
      </c>
      <c r="AQ182" s="84">
        <v>1165.5170000000001</v>
      </c>
      <c r="AR182" s="20">
        <v>3</v>
      </c>
    </row>
    <row r="183" spans="1:44" ht="14.1" customHeight="1" x14ac:dyDescent="0.15">
      <c r="A183" s="21">
        <v>29</v>
      </c>
      <c r="B183" s="15" t="s">
        <v>45</v>
      </c>
      <c r="C183" s="84">
        <v>22.776</v>
      </c>
      <c r="D183" s="16">
        <v>11</v>
      </c>
      <c r="E183" s="84">
        <v>0</v>
      </c>
      <c r="F183" s="16">
        <v>19</v>
      </c>
      <c r="G183" s="85">
        <v>12.688000000000001</v>
      </c>
      <c r="H183" s="17">
        <v>32</v>
      </c>
      <c r="I183" s="84">
        <v>34.951000000000001</v>
      </c>
      <c r="J183" s="16">
        <v>2</v>
      </c>
      <c r="K183" s="84">
        <v>22.736999999999998</v>
      </c>
      <c r="L183" s="18">
        <v>11</v>
      </c>
      <c r="M183" s="84">
        <v>801.82100000000003</v>
      </c>
      <c r="N183" s="16">
        <v>32</v>
      </c>
      <c r="O183" s="84">
        <v>260</v>
      </c>
      <c r="P183" s="16">
        <v>30</v>
      </c>
      <c r="Q183" s="85">
        <v>550.56500000000005</v>
      </c>
      <c r="R183" s="17">
        <v>32</v>
      </c>
      <c r="S183" s="84">
        <v>1105.08</v>
      </c>
      <c r="T183" s="16">
        <v>27</v>
      </c>
      <c r="U183" s="84">
        <v>800.89200000000005</v>
      </c>
      <c r="V183" s="18">
        <v>32</v>
      </c>
      <c r="W183" s="21">
        <v>29</v>
      </c>
      <c r="X183" s="16" t="s">
        <v>45</v>
      </c>
      <c r="Y183" s="84">
        <v>184.02600000000001</v>
      </c>
      <c r="Z183" s="16">
        <v>30</v>
      </c>
      <c r="AA183" s="84">
        <v>80</v>
      </c>
      <c r="AB183" s="16">
        <v>29</v>
      </c>
      <c r="AC183" s="85">
        <v>140.95500000000001</v>
      </c>
      <c r="AD183" s="17">
        <v>32</v>
      </c>
      <c r="AE183" s="84">
        <v>236.012</v>
      </c>
      <c r="AF183" s="16">
        <v>28</v>
      </c>
      <c r="AG183" s="84">
        <v>183.84800000000001</v>
      </c>
      <c r="AH183" s="18">
        <v>30</v>
      </c>
      <c r="AI183" s="84">
        <v>1008.622</v>
      </c>
      <c r="AJ183" s="16">
        <v>31</v>
      </c>
      <c r="AK183" s="84">
        <v>340</v>
      </c>
      <c r="AL183" s="16">
        <v>30</v>
      </c>
      <c r="AM183" s="85">
        <v>704.20899999999995</v>
      </c>
      <c r="AN183" s="17">
        <v>33</v>
      </c>
      <c r="AO183" s="84">
        <v>1376.0419999999999</v>
      </c>
      <c r="AP183" s="19">
        <v>27</v>
      </c>
      <c r="AQ183" s="84">
        <v>1007.476</v>
      </c>
      <c r="AR183" s="20">
        <v>31</v>
      </c>
    </row>
    <row r="184" spans="1:44" ht="14.1" customHeight="1" x14ac:dyDescent="0.15">
      <c r="A184" s="21">
        <v>30</v>
      </c>
      <c r="B184" s="15" t="s">
        <v>46</v>
      </c>
      <c r="C184" s="84">
        <v>25.454000000000001</v>
      </c>
      <c r="D184" s="16">
        <v>4</v>
      </c>
      <c r="E184" s="84">
        <v>0</v>
      </c>
      <c r="F184" s="16">
        <v>19</v>
      </c>
      <c r="G184" s="85">
        <v>19.271999999999998</v>
      </c>
      <c r="H184" s="17">
        <v>4</v>
      </c>
      <c r="I184" s="84">
        <v>31.911000000000001</v>
      </c>
      <c r="J184" s="16">
        <v>7</v>
      </c>
      <c r="K184" s="84">
        <v>25.454000000000001</v>
      </c>
      <c r="L184" s="18">
        <v>4</v>
      </c>
      <c r="M184" s="84">
        <v>859.39200000000005</v>
      </c>
      <c r="N184" s="16">
        <v>14</v>
      </c>
      <c r="O184" s="84">
        <v>0</v>
      </c>
      <c r="P184" s="16">
        <v>32</v>
      </c>
      <c r="Q184" s="85">
        <v>618.11699999999996</v>
      </c>
      <c r="R184" s="17">
        <v>12</v>
      </c>
      <c r="S184" s="84">
        <v>1111.4100000000001</v>
      </c>
      <c r="T184" s="16">
        <v>25</v>
      </c>
      <c r="U184" s="84">
        <v>859.43700000000001</v>
      </c>
      <c r="V184" s="18">
        <v>14</v>
      </c>
      <c r="W184" s="21">
        <v>30</v>
      </c>
      <c r="X184" s="16" t="s">
        <v>46</v>
      </c>
      <c r="Y184" s="84">
        <v>171.869</v>
      </c>
      <c r="Z184" s="16">
        <v>32</v>
      </c>
      <c r="AA184" s="84">
        <v>0</v>
      </c>
      <c r="AB184" s="16">
        <v>32</v>
      </c>
      <c r="AC184" s="85">
        <v>147.602</v>
      </c>
      <c r="AD184" s="17">
        <v>30</v>
      </c>
      <c r="AE184" s="84">
        <v>197.21700000000001</v>
      </c>
      <c r="AF184" s="16">
        <v>32</v>
      </c>
      <c r="AG184" s="84">
        <v>171.869</v>
      </c>
      <c r="AH184" s="18">
        <v>32</v>
      </c>
      <c r="AI184" s="84">
        <v>1056.7149999999999</v>
      </c>
      <c r="AJ184" s="16">
        <v>20</v>
      </c>
      <c r="AK184" s="84">
        <v>0</v>
      </c>
      <c r="AL184" s="16">
        <v>32</v>
      </c>
      <c r="AM184" s="85">
        <v>784.99099999999999</v>
      </c>
      <c r="AN184" s="17">
        <v>14</v>
      </c>
      <c r="AO184" s="84">
        <v>1340.538</v>
      </c>
      <c r="AP184" s="19">
        <v>30</v>
      </c>
      <c r="AQ184" s="84">
        <v>1056.76</v>
      </c>
      <c r="AR184" s="20">
        <v>20</v>
      </c>
    </row>
    <row r="185" spans="1:44" ht="14.1" customHeight="1" x14ac:dyDescent="0.15">
      <c r="A185" s="21">
        <v>31</v>
      </c>
      <c r="B185" s="15" t="s">
        <v>47</v>
      </c>
      <c r="C185" s="84">
        <v>25.274999999999999</v>
      </c>
      <c r="D185" s="16">
        <v>5</v>
      </c>
      <c r="E185" s="84">
        <v>16.667000000000002</v>
      </c>
      <c r="F185" s="16">
        <v>12</v>
      </c>
      <c r="G185" s="85">
        <v>17.565999999999999</v>
      </c>
      <c r="H185" s="17">
        <v>9</v>
      </c>
      <c r="I185" s="84">
        <v>33.716999999999999</v>
      </c>
      <c r="J185" s="16">
        <v>4</v>
      </c>
      <c r="K185" s="84">
        <v>25.266999999999999</v>
      </c>
      <c r="L185" s="18">
        <v>5</v>
      </c>
      <c r="M185" s="84">
        <v>845.59</v>
      </c>
      <c r="N185" s="16">
        <v>20</v>
      </c>
      <c r="O185" s="84">
        <v>1016.667</v>
      </c>
      <c r="P185" s="16">
        <v>19</v>
      </c>
      <c r="Q185" s="85">
        <v>617.92499999999995</v>
      </c>
      <c r="R185" s="17">
        <v>13</v>
      </c>
      <c r="S185" s="84">
        <v>1094.9110000000001</v>
      </c>
      <c r="T185" s="16">
        <v>28</v>
      </c>
      <c r="U185" s="84">
        <v>845.73800000000006</v>
      </c>
      <c r="V185" s="18">
        <v>20</v>
      </c>
      <c r="W185" s="21">
        <v>31</v>
      </c>
      <c r="X185" s="16" t="s">
        <v>47</v>
      </c>
      <c r="Y185" s="84">
        <v>180.13300000000001</v>
      </c>
      <c r="Z185" s="16">
        <v>31</v>
      </c>
      <c r="AA185" s="84">
        <v>133.333</v>
      </c>
      <c r="AB185" s="16">
        <v>28</v>
      </c>
      <c r="AC185" s="85">
        <v>153.11199999999999</v>
      </c>
      <c r="AD185" s="17">
        <v>26</v>
      </c>
      <c r="AE185" s="84">
        <v>209.72399999999999</v>
      </c>
      <c r="AF185" s="16">
        <v>31</v>
      </c>
      <c r="AG185" s="84">
        <v>180.09200000000001</v>
      </c>
      <c r="AH185" s="18">
        <v>31</v>
      </c>
      <c r="AI185" s="84">
        <v>1050.998</v>
      </c>
      <c r="AJ185" s="16">
        <v>21</v>
      </c>
      <c r="AK185" s="84">
        <v>1166.6669999999999</v>
      </c>
      <c r="AL185" s="16">
        <v>23</v>
      </c>
      <c r="AM185" s="85">
        <v>788.60299999999995</v>
      </c>
      <c r="AN185" s="17">
        <v>13</v>
      </c>
      <c r="AO185" s="84">
        <v>1338.3520000000001</v>
      </c>
      <c r="AP185" s="19">
        <v>32</v>
      </c>
      <c r="AQ185" s="84">
        <v>1051.098</v>
      </c>
      <c r="AR185" s="20">
        <v>21</v>
      </c>
    </row>
    <row r="186" spans="1:44" ht="14.1" customHeight="1" x14ac:dyDescent="0.15">
      <c r="A186" s="21">
        <v>32</v>
      </c>
      <c r="B186" s="15" t="s">
        <v>48</v>
      </c>
      <c r="C186" s="84">
        <v>22.856000000000002</v>
      </c>
      <c r="D186" s="16">
        <v>10</v>
      </c>
      <c r="E186" s="84">
        <v>0</v>
      </c>
      <c r="F186" s="16">
        <v>19</v>
      </c>
      <c r="G186" s="85">
        <v>16.911000000000001</v>
      </c>
      <c r="H186" s="17">
        <v>10</v>
      </c>
      <c r="I186" s="84">
        <v>30.315000000000001</v>
      </c>
      <c r="J186" s="16">
        <v>9</v>
      </c>
      <c r="K186" s="84">
        <v>22.838999999999999</v>
      </c>
      <c r="L186" s="18">
        <v>10</v>
      </c>
      <c r="M186" s="84">
        <v>826.37199999999996</v>
      </c>
      <c r="N186" s="16">
        <v>22</v>
      </c>
      <c r="O186" s="84">
        <v>637.5</v>
      </c>
      <c r="P186" s="16">
        <v>28</v>
      </c>
      <c r="Q186" s="85">
        <v>597.27300000000002</v>
      </c>
      <c r="R186" s="17">
        <v>18</v>
      </c>
      <c r="S186" s="84">
        <v>1113.8330000000001</v>
      </c>
      <c r="T186" s="16">
        <v>23</v>
      </c>
      <c r="U186" s="84">
        <v>826.23199999999997</v>
      </c>
      <c r="V186" s="18">
        <v>22</v>
      </c>
      <c r="W186" s="21">
        <v>32</v>
      </c>
      <c r="X186" s="16" t="s">
        <v>48</v>
      </c>
      <c r="Y186" s="84">
        <v>158.036</v>
      </c>
      <c r="Z186" s="16">
        <v>33</v>
      </c>
      <c r="AA186" s="84">
        <v>37.5</v>
      </c>
      <c r="AB186" s="16">
        <v>31</v>
      </c>
      <c r="AC186" s="85">
        <v>128.184</v>
      </c>
      <c r="AD186" s="17">
        <v>33</v>
      </c>
      <c r="AE186" s="84">
        <v>195.49299999999999</v>
      </c>
      <c r="AF186" s="16">
        <v>33</v>
      </c>
      <c r="AG186" s="84">
        <v>157.947</v>
      </c>
      <c r="AH186" s="18">
        <v>33</v>
      </c>
      <c r="AI186" s="84">
        <v>1007.264</v>
      </c>
      <c r="AJ186" s="16">
        <v>32</v>
      </c>
      <c r="AK186" s="84">
        <v>675</v>
      </c>
      <c r="AL186" s="16">
        <v>28</v>
      </c>
      <c r="AM186" s="85">
        <v>742.36800000000005</v>
      </c>
      <c r="AN186" s="17">
        <v>29</v>
      </c>
      <c r="AO186" s="84">
        <v>1339.6410000000001</v>
      </c>
      <c r="AP186" s="19">
        <v>31</v>
      </c>
      <c r="AQ186" s="84">
        <v>1007.018</v>
      </c>
      <c r="AR186" s="20">
        <v>32</v>
      </c>
    </row>
    <row r="187" spans="1:44" ht="14.1" customHeight="1" thickBot="1" x14ac:dyDescent="0.2">
      <c r="A187" s="28">
        <v>33</v>
      </c>
      <c r="B187" s="29" t="s">
        <v>49</v>
      </c>
      <c r="C187" s="86">
        <v>25.7</v>
      </c>
      <c r="D187" s="30">
        <v>3</v>
      </c>
      <c r="E187" s="88">
        <v>0</v>
      </c>
      <c r="F187" s="30">
        <v>19</v>
      </c>
      <c r="G187" s="87">
        <v>23.99</v>
      </c>
      <c r="H187" s="31">
        <v>1</v>
      </c>
      <c r="I187" s="86">
        <v>27.294</v>
      </c>
      <c r="J187" s="30">
        <v>28</v>
      </c>
      <c r="K187" s="88">
        <v>25.7</v>
      </c>
      <c r="L187" s="32">
        <v>3</v>
      </c>
      <c r="M187" s="86">
        <v>824.97</v>
      </c>
      <c r="N187" s="30">
        <v>23</v>
      </c>
      <c r="O187" s="88">
        <v>0</v>
      </c>
      <c r="P187" s="30">
        <v>32</v>
      </c>
      <c r="Q187" s="87">
        <v>606.06100000000004</v>
      </c>
      <c r="R187" s="31">
        <v>15</v>
      </c>
      <c r="S187" s="86">
        <v>1028.941</v>
      </c>
      <c r="T187" s="30">
        <v>33</v>
      </c>
      <c r="U187" s="88">
        <v>824.97</v>
      </c>
      <c r="V187" s="32">
        <v>23</v>
      </c>
      <c r="W187" s="28">
        <v>33</v>
      </c>
      <c r="X187" s="30" t="s">
        <v>49</v>
      </c>
      <c r="Y187" s="86">
        <v>192.44800000000001</v>
      </c>
      <c r="Z187" s="30">
        <v>26</v>
      </c>
      <c r="AA187" s="88">
        <v>0</v>
      </c>
      <c r="AB187" s="30">
        <v>32</v>
      </c>
      <c r="AC187" s="87">
        <v>154.54499999999999</v>
      </c>
      <c r="AD187" s="31">
        <v>24</v>
      </c>
      <c r="AE187" s="86">
        <v>227.76499999999999</v>
      </c>
      <c r="AF187" s="30">
        <v>29</v>
      </c>
      <c r="AG187" s="88">
        <v>192.44800000000001</v>
      </c>
      <c r="AH187" s="32">
        <v>26</v>
      </c>
      <c r="AI187" s="86">
        <v>1043.1179999999999</v>
      </c>
      <c r="AJ187" s="30">
        <v>23</v>
      </c>
      <c r="AK187" s="88">
        <v>0</v>
      </c>
      <c r="AL187" s="30">
        <v>32</v>
      </c>
      <c r="AM187" s="87">
        <v>784.596</v>
      </c>
      <c r="AN187" s="31">
        <v>15</v>
      </c>
      <c r="AO187" s="86">
        <v>1284</v>
      </c>
      <c r="AP187" s="33">
        <v>33</v>
      </c>
      <c r="AQ187" s="88">
        <v>1043.1179999999999</v>
      </c>
      <c r="AR187" s="34">
        <v>23</v>
      </c>
    </row>
    <row r="188" spans="1:44" ht="14.1" customHeight="1" thickTop="1" x14ac:dyDescent="0.15">
      <c r="A188" s="14">
        <v>301</v>
      </c>
      <c r="B188" s="48" t="s">
        <v>92</v>
      </c>
      <c r="C188" s="89">
        <v>8.2319999999999993</v>
      </c>
      <c r="D188" s="25">
        <v>6</v>
      </c>
      <c r="E188" s="38" t="s">
        <v>93</v>
      </c>
      <c r="F188" s="79" t="s">
        <v>93</v>
      </c>
      <c r="G188" s="90">
        <v>6.6859999999999999</v>
      </c>
      <c r="H188" s="44">
        <v>6</v>
      </c>
      <c r="I188" s="89">
        <v>18.957000000000001</v>
      </c>
      <c r="J188" s="25">
        <v>6</v>
      </c>
      <c r="K188" s="91">
        <v>8.2319999999999993</v>
      </c>
      <c r="L188" s="45">
        <v>6</v>
      </c>
      <c r="M188" s="89">
        <v>586.29600000000005</v>
      </c>
      <c r="N188" s="25">
        <v>6</v>
      </c>
      <c r="O188" s="41" t="s">
        <v>51</v>
      </c>
      <c r="P188" s="46" t="s">
        <v>93</v>
      </c>
      <c r="Q188" s="90">
        <v>555.29700000000003</v>
      </c>
      <c r="R188" s="44">
        <v>4</v>
      </c>
      <c r="S188" s="89">
        <v>801.35</v>
      </c>
      <c r="T188" s="25">
        <v>6</v>
      </c>
      <c r="U188" s="91">
        <v>586.29600000000005</v>
      </c>
      <c r="V188" s="45">
        <v>6</v>
      </c>
      <c r="W188" s="14">
        <v>301</v>
      </c>
      <c r="X188" s="42" t="s">
        <v>92</v>
      </c>
      <c r="Y188" s="89">
        <v>206.941</v>
      </c>
      <c r="Z188" s="25">
        <v>1</v>
      </c>
      <c r="AA188" s="41" t="s">
        <v>93</v>
      </c>
      <c r="AB188" s="46" t="s">
        <v>93</v>
      </c>
      <c r="AC188" s="90">
        <v>195.16300000000001</v>
      </c>
      <c r="AD188" s="44">
        <v>1</v>
      </c>
      <c r="AE188" s="89">
        <v>288.64999999999998</v>
      </c>
      <c r="AF188" s="25">
        <v>2</v>
      </c>
      <c r="AG188" s="91">
        <v>206.941</v>
      </c>
      <c r="AH188" s="45">
        <v>1</v>
      </c>
      <c r="AI188" s="89">
        <v>801.46900000000005</v>
      </c>
      <c r="AJ188" s="25">
        <v>4</v>
      </c>
      <c r="AK188" s="41" t="s">
        <v>93</v>
      </c>
      <c r="AL188" s="46" t="s">
        <v>93</v>
      </c>
      <c r="AM188" s="90">
        <v>757.14499999999998</v>
      </c>
      <c r="AN188" s="44">
        <v>2</v>
      </c>
      <c r="AO188" s="89">
        <v>1108.9570000000001</v>
      </c>
      <c r="AP188" s="47">
        <v>5</v>
      </c>
      <c r="AQ188" s="91">
        <v>801.46900000000005</v>
      </c>
      <c r="AR188" s="20">
        <v>4</v>
      </c>
    </row>
    <row r="189" spans="1:44" ht="14.1" customHeight="1" x14ac:dyDescent="0.15">
      <c r="A189" s="21">
        <v>302</v>
      </c>
      <c r="B189" s="48" t="s">
        <v>94</v>
      </c>
      <c r="C189" s="84">
        <v>8.6430000000000007</v>
      </c>
      <c r="D189" s="16">
        <v>5</v>
      </c>
      <c r="E189" s="49" t="s">
        <v>93</v>
      </c>
      <c r="F189" s="49" t="s">
        <v>93</v>
      </c>
      <c r="G189" s="85">
        <v>7.4729999999999999</v>
      </c>
      <c r="H189" s="17">
        <v>3</v>
      </c>
      <c r="I189" s="84">
        <v>20.667999999999999</v>
      </c>
      <c r="J189" s="16">
        <v>5</v>
      </c>
      <c r="K189" s="84">
        <v>8.6430000000000007</v>
      </c>
      <c r="L189" s="18">
        <v>5</v>
      </c>
      <c r="M189" s="84">
        <v>638.63800000000003</v>
      </c>
      <c r="N189" s="16">
        <v>3</v>
      </c>
      <c r="O189" s="50" t="s">
        <v>93</v>
      </c>
      <c r="P189" s="50" t="s">
        <v>51</v>
      </c>
      <c r="Q189" s="85">
        <v>602.55999999999995</v>
      </c>
      <c r="R189" s="17">
        <v>2</v>
      </c>
      <c r="S189" s="84">
        <v>1009.754</v>
      </c>
      <c r="T189" s="16">
        <v>5</v>
      </c>
      <c r="U189" s="84">
        <v>638.63800000000003</v>
      </c>
      <c r="V189" s="18">
        <v>3</v>
      </c>
      <c r="W189" s="21">
        <v>302</v>
      </c>
      <c r="X189" s="42" t="s">
        <v>94</v>
      </c>
      <c r="Y189" s="84">
        <v>66.819999999999993</v>
      </c>
      <c r="Z189" s="16">
        <v>6</v>
      </c>
      <c r="AA189" s="50" t="s">
        <v>93</v>
      </c>
      <c r="AB189" s="50" t="s">
        <v>93</v>
      </c>
      <c r="AC189" s="85">
        <v>66.126999999999995</v>
      </c>
      <c r="AD189" s="17">
        <v>6</v>
      </c>
      <c r="AE189" s="84">
        <v>73.942999999999998</v>
      </c>
      <c r="AF189" s="16">
        <v>6</v>
      </c>
      <c r="AG189" s="84">
        <v>66.819999999999993</v>
      </c>
      <c r="AH189" s="18">
        <v>6</v>
      </c>
      <c r="AI189" s="84">
        <v>714.1</v>
      </c>
      <c r="AJ189" s="16">
        <v>6</v>
      </c>
      <c r="AK189" s="50" t="s">
        <v>93</v>
      </c>
      <c r="AL189" s="50" t="s">
        <v>93</v>
      </c>
      <c r="AM189" s="85">
        <v>676.16</v>
      </c>
      <c r="AN189" s="17">
        <v>6</v>
      </c>
      <c r="AO189" s="84">
        <v>1104.366</v>
      </c>
      <c r="AP189" s="19">
        <v>6</v>
      </c>
      <c r="AQ189" s="84">
        <v>714.1</v>
      </c>
      <c r="AR189" s="20">
        <v>6</v>
      </c>
    </row>
    <row r="190" spans="1:44" ht="14.1" customHeight="1" x14ac:dyDescent="0.15">
      <c r="A190" s="21">
        <v>303</v>
      </c>
      <c r="B190" s="48" t="s">
        <v>95</v>
      </c>
      <c r="C190" s="84">
        <v>11.795999999999999</v>
      </c>
      <c r="D190" s="16">
        <v>1</v>
      </c>
      <c r="E190" s="49" t="s">
        <v>93</v>
      </c>
      <c r="F190" s="49" t="s">
        <v>93</v>
      </c>
      <c r="G190" s="85">
        <v>8.5449999999999999</v>
      </c>
      <c r="H190" s="17">
        <v>2</v>
      </c>
      <c r="I190" s="84">
        <v>26.263000000000002</v>
      </c>
      <c r="J190" s="16">
        <v>3</v>
      </c>
      <c r="K190" s="84">
        <v>11.795999999999999</v>
      </c>
      <c r="L190" s="18">
        <v>1</v>
      </c>
      <c r="M190" s="84">
        <v>677.68899999999996</v>
      </c>
      <c r="N190" s="16">
        <v>2</v>
      </c>
      <c r="O190" s="50" t="s">
        <v>93</v>
      </c>
      <c r="P190" s="50" t="s">
        <v>93</v>
      </c>
      <c r="Q190" s="85">
        <v>557.53499999999997</v>
      </c>
      <c r="R190" s="17">
        <v>3</v>
      </c>
      <c r="S190" s="84">
        <v>1212.3789999999999</v>
      </c>
      <c r="T190" s="16">
        <v>1</v>
      </c>
      <c r="U190" s="84">
        <v>677.68899999999996</v>
      </c>
      <c r="V190" s="18">
        <v>2</v>
      </c>
      <c r="W190" s="21">
        <v>303</v>
      </c>
      <c r="X190" s="42" t="s">
        <v>95</v>
      </c>
      <c r="Y190" s="84">
        <v>194.12700000000001</v>
      </c>
      <c r="Z190" s="16">
        <v>3</v>
      </c>
      <c r="AA190" s="50" t="s">
        <v>93</v>
      </c>
      <c r="AB190" s="50" t="s">
        <v>93</v>
      </c>
      <c r="AC190" s="85">
        <v>173.81899999999999</v>
      </c>
      <c r="AD190" s="17">
        <v>3</v>
      </c>
      <c r="AE190" s="84">
        <v>284.49700000000001</v>
      </c>
      <c r="AF190" s="16">
        <v>3</v>
      </c>
      <c r="AG190" s="84">
        <v>194.12700000000001</v>
      </c>
      <c r="AH190" s="18">
        <v>3</v>
      </c>
      <c r="AI190" s="84">
        <v>883.61199999999997</v>
      </c>
      <c r="AJ190" s="16">
        <v>2</v>
      </c>
      <c r="AK190" s="50" t="s">
        <v>93</v>
      </c>
      <c r="AL190" s="50" t="s">
        <v>93</v>
      </c>
      <c r="AM190" s="85">
        <v>739.899</v>
      </c>
      <c r="AN190" s="17">
        <v>3</v>
      </c>
      <c r="AO190" s="84">
        <v>1523.1389999999999</v>
      </c>
      <c r="AP190" s="19">
        <v>2</v>
      </c>
      <c r="AQ190" s="84">
        <v>883.61199999999997</v>
      </c>
      <c r="AR190" s="20">
        <v>2</v>
      </c>
    </row>
    <row r="191" spans="1:44" ht="14.1" customHeight="1" x14ac:dyDescent="0.15">
      <c r="A191" s="21">
        <v>304</v>
      </c>
      <c r="B191" s="48" t="s">
        <v>105</v>
      </c>
      <c r="C191" s="84">
        <v>8.7959999999999994</v>
      </c>
      <c r="D191" s="16">
        <v>4</v>
      </c>
      <c r="E191" s="49" t="s">
        <v>93</v>
      </c>
      <c r="F191" s="49" t="s">
        <v>93</v>
      </c>
      <c r="G191" s="85">
        <v>7.1040000000000001</v>
      </c>
      <c r="H191" s="17">
        <v>5</v>
      </c>
      <c r="I191" s="84">
        <v>23.785</v>
      </c>
      <c r="J191" s="16">
        <v>4</v>
      </c>
      <c r="K191" s="84">
        <v>8.7959999999999994</v>
      </c>
      <c r="L191" s="18">
        <v>4</v>
      </c>
      <c r="M191" s="84">
        <v>764.68600000000004</v>
      </c>
      <c r="N191" s="16">
        <v>1</v>
      </c>
      <c r="O191" s="50" t="s">
        <v>93</v>
      </c>
      <c r="P191" s="50" t="s">
        <v>93</v>
      </c>
      <c r="Q191" s="85">
        <v>715.70899999999995</v>
      </c>
      <c r="R191" s="17">
        <v>1</v>
      </c>
      <c r="S191" s="84">
        <v>1198.4649999999999</v>
      </c>
      <c r="T191" s="16">
        <v>2</v>
      </c>
      <c r="U191" s="84">
        <v>764.68600000000004</v>
      </c>
      <c r="V191" s="18">
        <v>1</v>
      </c>
      <c r="W191" s="21">
        <v>304</v>
      </c>
      <c r="X191" s="42" t="s">
        <v>105</v>
      </c>
      <c r="Y191" s="84">
        <v>204.72200000000001</v>
      </c>
      <c r="Z191" s="16">
        <v>2</v>
      </c>
      <c r="AA191" s="50" t="s">
        <v>51</v>
      </c>
      <c r="AB191" s="50" t="s">
        <v>93</v>
      </c>
      <c r="AC191" s="85">
        <v>193.07</v>
      </c>
      <c r="AD191" s="17">
        <v>2</v>
      </c>
      <c r="AE191" s="84">
        <v>307.928</v>
      </c>
      <c r="AF191" s="16">
        <v>1</v>
      </c>
      <c r="AG191" s="84">
        <v>204.72200000000001</v>
      </c>
      <c r="AH191" s="18">
        <v>2</v>
      </c>
      <c r="AI191" s="84">
        <v>978.20399999999995</v>
      </c>
      <c r="AJ191" s="16">
        <v>1</v>
      </c>
      <c r="AK191" s="50" t="s">
        <v>93</v>
      </c>
      <c r="AL191" s="50" t="s">
        <v>93</v>
      </c>
      <c r="AM191" s="85">
        <v>915.88199999999995</v>
      </c>
      <c r="AN191" s="17">
        <v>1</v>
      </c>
      <c r="AO191" s="84">
        <v>1530.1790000000001</v>
      </c>
      <c r="AP191" s="19">
        <v>1</v>
      </c>
      <c r="AQ191" s="84">
        <v>978.20399999999995</v>
      </c>
      <c r="AR191" s="20">
        <v>1</v>
      </c>
    </row>
    <row r="192" spans="1:44" ht="14.1" customHeight="1" x14ac:dyDescent="0.15">
      <c r="A192" s="21">
        <v>305</v>
      </c>
      <c r="B192" s="48" t="s">
        <v>96</v>
      </c>
      <c r="C192" s="84">
        <v>9.8949999999999996</v>
      </c>
      <c r="D192" s="16">
        <v>3</v>
      </c>
      <c r="E192" s="49" t="s">
        <v>93</v>
      </c>
      <c r="F192" s="49" t="s">
        <v>93</v>
      </c>
      <c r="G192" s="85">
        <v>7.2329999999999997</v>
      </c>
      <c r="H192" s="17">
        <v>4</v>
      </c>
      <c r="I192" s="84">
        <v>27.724</v>
      </c>
      <c r="J192" s="16">
        <v>2</v>
      </c>
      <c r="K192" s="84">
        <v>9.8949999999999996</v>
      </c>
      <c r="L192" s="18">
        <v>3</v>
      </c>
      <c r="M192" s="84">
        <v>625.69200000000001</v>
      </c>
      <c r="N192" s="16">
        <v>4</v>
      </c>
      <c r="O192" s="50" t="s">
        <v>93</v>
      </c>
      <c r="P192" s="50" t="s">
        <v>93</v>
      </c>
      <c r="Q192" s="85">
        <v>547.79999999999995</v>
      </c>
      <c r="R192" s="17">
        <v>5</v>
      </c>
      <c r="S192" s="84">
        <v>1147.374</v>
      </c>
      <c r="T192" s="16">
        <v>4</v>
      </c>
      <c r="U192" s="84">
        <v>625.69200000000001</v>
      </c>
      <c r="V192" s="18">
        <v>4</v>
      </c>
      <c r="W192" s="21">
        <v>305</v>
      </c>
      <c r="X192" s="42" t="s">
        <v>96</v>
      </c>
      <c r="Y192" s="84">
        <v>168.92500000000001</v>
      </c>
      <c r="Z192" s="16">
        <v>4</v>
      </c>
      <c r="AA192" s="50" t="s">
        <v>93</v>
      </c>
      <c r="AB192" s="50" t="s">
        <v>51</v>
      </c>
      <c r="AC192" s="85">
        <v>160.34899999999999</v>
      </c>
      <c r="AD192" s="17">
        <v>4</v>
      </c>
      <c r="AE192" s="84">
        <v>226.36199999999999</v>
      </c>
      <c r="AF192" s="16">
        <v>5</v>
      </c>
      <c r="AG192" s="84">
        <v>168.92500000000001</v>
      </c>
      <c r="AH192" s="18">
        <v>4</v>
      </c>
      <c r="AI192" s="84">
        <v>804.51199999999994</v>
      </c>
      <c r="AJ192" s="16">
        <v>3</v>
      </c>
      <c r="AK192" s="50" t="s">
        <v>93</v>
      </c>
      <c r="AL192" s="50" t="s">
        <v>93</v>
      </c>
      <c r="AM192" s="85">
        <v>715.38099999999997</v>
      </c>
      <c r="AN192" s="17">
        <v>4</v>
      </c>
      <c r="AO192" s="84">
        <v>1401.4590000000001</v>
      </c>
      <c r="AP192" s="19">
        <v>4</v>
      </c>
      <c r="AQ192" s="84">
        <v>804.51199999999994</v>
      </c>
      <c r="AR192" s="20">
        <v>3</v>
      </c>
    </row>
    <row r="193" spans="1:44" ht="14.1" customHeight="1" thickBot="1" x14ac:dyDescent="0.2">
      <c r="A193" s="51">
        <v>306</v>
      </c>
      <c r="B193" s="52" t="s">
        <v>97</v>
      </c>
      <c r="C193" s="86">
        <v>11.157</v>
      </c>
      <c r="D193" s="30">
        <v>2</v>
      </c>
      <c r="E193" s="53" t="s">
        <v>93</v>
      </c>
      <c r="F193" s="53" t="s">
        <v>93</v>
      </c>
      <c r="G193" s="87">
        <v>8.6890000000000001</v>
      </c>
      <c r="H193" s="31">
        <v>1</v>
      </c>
      <c r="I193" s="86">
        <v>31.199000000000002</v>
      </c>
      <c r="J193" s="30">
        <v>1</v>
      </c>
      <c r="K193" s="88">
        <v>11.157</v>
      </c>
      <c r="L193" s="32">
        <v>2</v>
      </c>
      <c r="M193" s="86">
        <v>597.66200000000003</v>
      </c>
      <c r="N193" s="30">
        <v>5</v>
      </c>
      <c r="O193" s="8" t="s">
        <v>93</v>
      </c>
      <c r="P193" s="8" t="s">
        <v>93</v>
      </c>
      <c r="Q193" s="87">
        <v>527.73699999999997</v>
      </c>
      <c r="R193" s="31">
        <v>6</v>
      </c>
      <c r="S193" s="86">
        <v>1165.4659999999999</v>
      </c>
      <c r="T193" s="30">
        <v>3</v>
      </c>
      <c r="U193" s="86">
        <v>597.66200000000003</v>
      </c>
      <c r="V193" s="32">
        <v>5</v>
      </c>
      <c r="W193" s="51">
        <v>306</v>
      </c>
      <c r="X193" s="54" t="s">
        <v>97</v>
      </c>
      <c r="Y193" s="86">
        <v>157.41800000000001</v>
      </c>
      <c r="Z193" s="30">
        <v>5</v>
      </c>
      <c r="AA193" s="8" t="s">
        <v>93</v>
      </c>
      <c r="AB193" s="8" t="s">
        <v>93</v>
      </c>
      <c r="AC193" s="87">
        <v>148.47</v>
      </c>
      <c r="AD193" s="31">
        <v>5</v>
      </c>
      <c r="AE193" s="86">
        <v>230.072</v>
      </c>
      <c r="AF193" s="30">
        <v>4</v>
      </c>
      <c r="AG193" s="86">
        <v>157.41800000000001</v>
      </c>
      <c r="AH193" s="32">
        <v>5</v>
      </c>
      <c r="AI193" s="86">
        <v>766.23699999999997</v>
      </c>
      <c r="AJ193" s="30">
        <v>5</v>
      </c>
      <c r="AK193" s="8" t="s">
        <v>51</v>
      </c>
      <c r="AL193" s="8" t="s">
        <v>93</v>
      </c>
      <c r="AM193" s="87">
        <v>684.89599999999996</v>
      </c>
      <c r="AN193" s="31">
        <v>5</v>
      </c>
      <c r="AO193" s="86">
        <v>1426.7370000000001</v>
      </c>
      <c r="AP193" s="33">
        <v>3</v>
      </c>
      <c r="AQ193" s="88">
        <v>766.23699999999997</v>
      </c>
      <c r="AR193" s="34">
        <v>5</v>
      </c>
    </row>
    <row r="194" spans="1:44" ht="14.1" customHeight="1" thickTop="1" thickBot="1" x14ac:dyDescent="0.2">
      <c r="A194" s="410" t="s">
        <v>67</v>
      </c>
      <c r="B194" s="405"/>
      <c r="C194" s="86">
        <v>20.588000000000001</v>
      </c>
      <c r="D194" s="55" t="s">
        <v>51</v>
      </c>
      <c r="E194" s="92">
        <v>24.256</v>
      </c>
      <c r="F194" s="55" t="s">
        <v>93</v>
      </c>
      <c r="G194" s="87">
        <v>14.685</v>
      </c>
      <c r="H194" s="57" t="s">
        <v>93</v>
      </c>
      <c r="I194" s="86">
        <v>28.936</v>
      </c>
      <c r="J194" s="55" t="s">
        <v>93</v>
      </c>
      <c r="K194" s="94">
        <v>20.59</v>
      </c>
      <c r="L194" s="59" t="s">
        <v>93</v>
      </c>
      <c r="M194" s="86">
        <v>859.71500000000003</v>
      </c>
      <c r="N194" s="62" t="s">
        <v>93</v>
      </c>
      <c r="O194" s="92">
        <v>1188.423</v>
      </c>
      <c r="P194" s="62" t="s">
        <v>93</v>
      </c>
      <c r="Q194" s="87">
        <v>612.80899999999997</v>
      </c>
      <c r="R194" s="57" t="s">
        <v>93</v>
      </c>
      <c r="S194" s="86">
        <v>1209.3309999999999</v>
      </c>
      <c r="T194" s="62" t="s">
        <v>93</v>
      </c>
      <c r="U194" s="94">
        <v>859.88499999999999</v>
      </c>
      <c r="V194" s="61" t="s">
        <v>93</v>
      </c>
      <c r="W194" s="410" t="s">
        <v>98</v>
      </c>
      <c r="X194" s="405"/>
      <c r="Y194" s="86">
        <v>208.232</v>
      </c>
      <c r="Z194" s="62" t="s">
        <v>93</v>
      </c>
      <c r="AA194" s="92">
        <v>320.17599999999999</v>
      </c>
      <c r="AB194" s="62" t="s">
        <v>93</v>
      </c>
      <c r="AC194" s="87">
        <v>163.251</v>
      </c>
      <c r="AD194" s="57" t="s">
        <v>93</v>
      </c>
      <c r="AE194" s="86">
        <v>272.786</v>
      </c>
      <c r="AF194" s="62" t="s">
        <v>93</v>
      </c>
      <c r="AG194" s="92">
        <v>208.28899999999999</v>
      </c>
      <c r="AH194" s="61" t="s">
        <v>93</v>
      </c>
      <c r="AI194" s="86">
        <v>1088.5350000000001</v>
      </c>
      <c r="AJ194" s="62" t="s">
        <v>93</v>
      </c>
      <c r="AK194" s="92">
        <v>1532.856</v>
      </c>
      <c r="AL194" s="62" t="s">
        <v>93</v>
      </c>
      <c r="AM194" s="87">
        <v>790.745</v>
      </c>
      <c r="AN194" s="57" t="s">
        <v>93</v>
      </c>
      <c r="AO194" s="86">
        <v>1511.0519999999999</v>
      </c>
      <c r="AP194" s="62" t="s">
        <v>93</v>
      </c>
      <c r="AQ194" s="94">
        <v>1088.7639999999999</v>
      </c>
      <c r="AR194" s="61" t="s">
        <v>93</v>
      </c>
    </row>
    <row r="195" spans="1:44" ht="14.1" customHeight="1" thickTop="1" thickBot="1" x14ac:dyDescent="0.2">
      <c r="A195" s="404" t="s">
        <v>69</v>
      </c>
      <c r="B195" s="405"/>
      <c r="C195" s="86">
        <v>22.675999999999998</v>
      </c>
      <c r="D195" s="55" t="s">
        <v>93</v>
      </c>
      <c r="E195" s="86">
        <v>17.143000000000001</v>
      </c>
      <c r="F195" s="55" t="s">
        <v>51</v>
      </c>
      <c r="G195" s="87">
        <v>20.707000000000001</v>
      </c>
      <c r="H195" s="57" t="s">
        <v>93</v>
      </c>
      <c r="I195" s="86">
        <v>29.859000000000002</v>
      </c>
      <c r="J195" s="55" t="s">
        <v>93</v>
      </c>
      <c r="K195" s="94">
        <v>22.670999999999999</v>
      </c>
      <c r="L195" s="59" t="s">
        <v>93</v>
      </c>
      <c r="M195" s="86">
        <v>853.61699999999996</v>
      </c>
      <c r="N195" s="62" t="s">
        <v>93</v>
      </c>
      <c r="O195" s="86">
        <v>885.71400000000006</v>
      </c>
      <c r="P195" s="62" t="s">
        <v>93</v>
      </c>
      <c r="Q195" s="87">
        <v>763.77800000000002</v>
      </c>
      <c r="R195" s="57" t="s">
        <v>93</v>
      </c>
      <c r="S195" s="86">
        <v>1135.51</v>
      </c>
      <c r="T195" s="62" t="s">
        <v>93</v>
      </c>
      <c r="U195" s="96">
        <v>853.64800000000002</v>
      </c>
      <c r="V195" s="61" t="s">
        <v>93</v>
      </c>
      <c r="W195" s="404" t="s">
        <v>69</v>
      </c>
      <c r="X195" s="405"/>
      <c r="Y195" s="86">
        <v>196.65299999999999</v>
      </c>
      <c r="Z195" s="62" t="s">
        <v>93</v>
      </c>
      <c r="AA195" s="86">
        <v>241.429</v>
      </c>
      <c r="AB195" s="62" t="s">
        <v>93</v>
      </c>
      <c r="AC195" s="87">
        <v>204.958</v>
      </c>
      <c r="AD195" s="57" t="s">
        <v>93</v>
      </c>
      <c r="AE195" s="86">
        <v>241.279</v>
      </c>
      <c r="AF195" s="62" t="s">
        <v>93</v>
      </c>
      <c r="AG195" s="92">
        <v>196.697</v>
      </c>
      <c r="AH195" s="61" t="s">
        <v>93</v>
      </c>
      <c r="AI195" s="86">
        <v>1072.9459999999999</v>
      </c>
      <c r="AJ195" s="62" t="s">
        <v>93</v>
      </c>
      <c r="AK195" s="86">
        <v>1144.2860000000001</v>
      </c>
      <c r="AL195" s="62" t="s">
        <v>93</v>
      </c>
      <c r="AM195" s="87">
        <v>989.44399999999996</v>
      </c>
      <c r="AN195" s="57" t="s">
        <v>93</v>
      </c>
      <c r="AO195" s="86">
        <v>1406.6489999999999</v>
      </c>
      <c r="AP195" s="62" t="s">
        <v>93</v>
      </c>
      <c r="AQ195" s="96">
        <v>1073.0160000000001</v>
      </c>
      <c r="AR195" s="61" t="s">
        <v>93</v>
      </c>
    </row>
    <row r="196" spans="1:44" ht="14.1" customHeight="1" thickTop="1" thickBot="1" x14ac:dyDescent="0.2">
      <c r="A196" s="404" t="s">
        <v>71</v>
      </c>
      <c r="B196" s="405"/>
      <c r="C196" s="86">
        <v>20.669</v>
      </c>
      <c r="D196" s="55" t="s">
        <v>93</v>
      </c>
      <c r="E196" s="86">
        <v>23.745999999999999</v>
      </c>
      <c r="F196" s="55" t="s">
        <v>93</v>
      </c>
      <c r="G196" s="87">
        <v>14.9</v>
      </c>
      <c r="H196" s="57" t="s">
        <v>93</v>
      </c>
      <c r="I196" s="86">
        <v>28.977</v>
      </c>
      <c r="J196" s="55" t="s">
        <v>51</v>
      </c>
      <c r="K196" s="96">
        <v>20.670999999999999</v>
      </c>
      <c r="L196" s="59" t="s">
        <v>93</v>
      </c>
      <c r="M196" s="86">
        <v>859.47699999999998</v>
      </c>
      <c r="N196" s="62" t="s">
        <v>93</v>
      </c>
      <c r="O196" s="86">
        <v>1166.7349999999999</v>
      </c>
      <c r="P196" s="62" t="s">
        <v>93</v>
      </c>
      <c r="Q196" s="87">
        <v>618.19799999999998</v>
      </c>
      <c r="R196" s="57" t="s">
        <v>93</v>
      </c>
      <c r="S196" s="86">
        <v>1206.0889999999999</v>
      </c>
      <c r="T196" s="62" t="s">
        <v>93</v>
      </c>
      <c r="U196" s="94">
        <v>859.64099999999996</v>
      </c>
      <c r="V196" s="61" t="s">
        <v>93</v>
      </c>
      <c r="W196" s="404" t="s">
        <v>71</v>
      </c>
      <c r="X196" s="405"/>
      <c r="Y196" s="86">
        <v>207.77799999999999</v>
      </c>
      <c r="Z196" s="62" t="s">
        <v>93</v>
      </c>
      <c r="AA196" s="86">
        <v>314.53399999999999</v>
      </c>
      <c r="AB196" s="62" t="s">
        <v>93</v>
      </c>
      <c r="AC196" s="87">
        <v>164.74</v>
      </c>
      <c r="AD196" s="57" t="s">
        <v>93</v>
      </c>
      <c r="AE196" s="86">
        <v>271.40199999999999</v>
      </c>
      <c r="AF196" s="62" t="s">
        <v>93</v>
      </c>
      <c r="AG196" s="96">
        <v>207.83500000000001</v>
      </c>
      <c r="AH196" s="61" t="s">
        <v>93</v>
      </c>
      <c r="AI196" s="86">
        <v>1087.924</v>
      </c>
      <c r="AJ196" s="62" t="s">
        <v>93</v>
      </c>
      <c r="AK196" s="86">
        <v>1505.0150000000001</v>
      </c>
      <c r="AL196" s="62" t="s">
        <v>93</v>
      </c>
      <c r="AM196" s="87">
        <v>797.83799999999997</v>
      </c>
      <c r="AN196" s="57" t="s">
        <v>93</v>
      </c>
      <c r="AO196" s="86">
        <v>1506.4680000000001</v>
      </c>
      <c r="AP196" s="62" t="s">
        <v>51</v>
      </c>
      <c r="AQ196" s="94">
        <v>1088.1469999999999</v>
      </c>
      <c r="AR196" s="61" t="s">
        <v>93</v>
      </c>
    </row>
    <row r="197" spans="1:44" ht="14.1" customHeight="1" thickTop="1" thickBot="1" x14ac:dyDescent="0.2">
      <c r="A197" s="404" t="s">
        <v>99</v>
      </c>
      <c r="B197" s="405"/>
      <c r="C197" s="86">
        <v>10.488</v>
      </c>
      <c r="D197" s="55" t="s">
        <v>93</v>
      </c>
      <c r="E197" s="55" t="s">
        <v>93</v>
      </c>
      <c r="F197" s="55" t="s">
        <v>51</v>
      </c>
      <c r="G197" s="87">
        <v>8.1969999999999992</v>
      </c>
      <c r="H197" s="57" t="s">
        <v>93</v>
      </c>
      <c r="I197" s="86">
        <v>27.721</v>
      </c>
      <c r="J197" s="55" t="s">
        <v>93</v>
      </c>
      <c r="K197" s="94">
        <v>10.488</v>
      </c>
      <c r="L197" s="59" t="s">
        <v>93</v>
      </c>
      <c r="M197" s="86">
        <v>616.54100000000005</v>
      </c>
      <c r="N197" s="62" t="s">
        <v>93</v>
      </c>
      <c r="O197" s="62" t="s">
        <v>93</v>
      </c>
      <c r="P197" s="62" t="s">
        <v>93</v>
      </c>
      <c r="Q197" s="87">
        <v>549.51199999999994</v>
      </c>
      <c r="R197" s="57" t="s">
        <v>93</v>
      </c>
      <c r="S197" s="86">
        <v>1120.549</v>
      </c>
      <c r="T197" s="62" t="s">
        <v>93</v>
      </c>
      <c r="U197" s="94">
        <v>616.54100000000005</v>
      </c>
      <c r="V197" s="61" t="s">
        <v>93</v>
      </c>
      <c r="W197" s="404" t="s">
        <v>99</v>
      </c>
      <c r="X197" s="405"/>
      <c r="Y197" s="86">
        <v>156.923</v>
      </c>
      <c r="Z197" s="62" t="s">
        <v>93</v>
      </c>
      <c r="AA197" s="62" t="s">
        <v>93</v>
      </c>
      <c r="AB197" s="62" t="s">
        <v>93</v>
      </c>
      <c r="AC197" s="87">
        <v>146.905</v>
      </c>
      <c r="AD197" s="57" t="s">
        <v>51</v>
      </c>
      <c r="AE197" s="86">
        <v>232.25800000000001</v>
      </c>
      <c r="AF197" s="62" t="s">
        <v>93</v>
      </c>
      <c r="AG197" s="94">
        <v>156.923</v>
      </c>
      <c r="AH197" s="61" t="s">
        <v>93</v>
      </c>
      <c r="AI197" s="86">
        <v>783.95299999999997</v>
      </c>
      <c r="AJ197" s="62" t="s">
        <v>93</v>
      </c>
      <c r="AK197" s="62" t="s">
        <v>93</v>
      </c>
      <c r="AL197" s="62" t="s">
        <v>93</v>
      </c>
      <c r="AM197" s="87">
        <v>704.61300000000006</v>
      </c>
      <c r="AN197" s="57" t="s">
        <v>93</v>
      </c>
      <c r="AO197" s="86">
        <v>1380.527</v>
      </c>
      <c r="AP197" s="62" t="s">
        <v>93</v>
      </c>
      <c r="AQ197" s="94">
        <v>783.95299999999997</v>
      </c>
      <c r="AR197" s="61" t="s">
        <v>93</v>
      </c>
    </row>
    <row r="198" spans="1:44" ht="14.1" customHeight="1" thickTop="1" thickBot="1" x14ac:dyDescent="0.2">
      <c r="A198" s="407" t="s">
        <v>100</v>
      </c>
      <c r="B198" s="408"/>
      <c r="C198" s="98">
        <v>19.975000000000001</v>
      </c>
      <c r="D198" s="66" t="s">
        <v>93</v>
      </c>
      <c r="E198" s="101">
        <v>23.745999999999999</v>
      </c>
      <c r="F198" s="66" t="s">
        <v>93</v>
      </c>
      <c r="G198" s="99">
        <v>14.226000000000001</v>
      </c>
      <c r="H198" s="69" t="s">
        <v>93</v>
      </c>
      <c r="I198" s="98">
        <v>28.951000000000001</v>
      </c>
      <c r="J198" s="66" t="s">
        <v>93</v>
      </c>
      <c r="K198" s="95">
        <v>19.977</v>
      </c>
      <c r="L198" s="71" t="s">
        <v>93</v>
      </c>
      <c r="M198" s="98">
        <v>842.90599999999995</v>
      </c>
      <c r="N198" s="72" t="s">
        <v>93</v>
      </c>
      <c r="O198" s="101">
        <v>1166.7349999999999</v>
      </c>
      <c r="P198" s="72" t="s">
        <v>51</v>
      </c>
      <c r="Q198" s="99">
        <v>611.29300000000001</v>
      </c>
      <c r="R198" s="69" t="s">
        <v>51</v>
      </c>
      <c r="S198" s="98">
        <v>1204.3820000000001</v>
      </c>
      <c r="T198" s="72" t="s">
        <v>93</v>
      </c>
      <c r="U198" s="100">
        <v>843.06700000000001</v>
      </c>
      <c r="V198" s="73" t="s">
        <v>93</v>
      </c>
      <c r="W198" s="407" t="s">
        <v>100</v>
      </c>
      <c r="X198" s="408"/>
      <c r="Y198" s="98">
        <v>204.309</v>
      </c>
      <c r="Z198" s="72" t="s">
        <v>93</v>
      </c>
      <c r="AA198" s="101">
        <v>314.53399999999999</v>
      </c>
      <c r="AB198" s="72" t="s">
        <v>93</v>
      </c>
      <c r="AC198" s="99">
        <v>162.947</v>
      </c>
      <c r="AD198" s="69" t="s">
        <v>93</v>
      </c>
      <c r="AE198" s="98">
        <v>270.62099999999998</v>
      </c>
      <c r="AF198" s="72" t="s">
        <v>51</v>
      </c>
      <c r="AG198" s="100">
        <v>204.364</v>
      </c>
      <c r="AH198" s="73" t="s">
        <v>93</v>
      </c>
      <c r="AI198" s="98">
        <v>1067.19</v>
      </c>
      <c r="AJ198" s="72" t="s">
        <v>93</v>
      </c>
      <c r="AK198" s="101">
        <v>1505.0150000000001</v>
      </c>
      <c r="AL198" s="72" t="s">
        <v>93</v>
      </c>
      <c r="AM198" s="99">
        <v>788.46699999999998</v>
      </c>
      <c r="AN198" s="69" t="s">
        <v>51</v>
      </c>
      <c r="AO198" s="98">
        <v>1503.954</v>
      </c>
      <c r="AP198" s="72" t="s">
        <v>51</v>
      </c>
      <c r="AQ198" s="95">
        <v>1067.4079999999999</v>
      </c>
      <c r="AR198" s="73" t="s">
        <v>93</v>
      </c>
    </row>
    <row r="199" spans="1:44" ht="15.75" customHeight="1" x14ac:dyDescent="0.15">
      <c r="A199" s="104"/>
      <c r="B199" s="104"/>
      <c r="C199" s="104"/>
      <c r="D199" s="104"/>
      <c r="E199" s="104"/>
      <c r="F199" s="104"/>
      <c r="G199" s="105"/>
      <c r="H199" s="105"/>
      <c r="I199" s="104"/>
      <c r="J199" s="104"/>
      <c r="K199" s="106"/>
      <c r="L199" s="104"/>
      <c r="M199" s="104"/>
      <c r="N199" s="104"/>
      <c r="O199" s="104"/>
      <c r="P199" s="104"/>
      <c r="Q199" s="105"/>
      <c r="R199" s="105"/>
      <c r="S199" s="104"/>
      <c r="T199" s="104"/>
      <c r="U199" s="104"/>
      <c r="V199" s="107"/>
      <c r="W199" s="107"/>
      <c r="X199" s="107"/>
      <c r="Y199" s="104"/>
      <c r="Z199" s="104"/>
      <c r="AA199" s="104"/>
      <c r="AB199" s="104"/>
      <c r="AC199" s="105"/>
      <c r="AD199" s="105"/>
      <c r="AE199" s="104"/>
      <c r="AF199" s="104"/>
      <c r="AG199" s="104"/>
      <c r="AH199" s="107"/>
      <c r="AI199" s="104"/>
      <c r="AJ199" s="104"/>
      <c r="AK199" s="104"/>
      <c r="AL199" s="104"/>
      <c r="AM199" s="105"/>
      <c r="AN199" s="105"/>
      <c r="AO199" s="104"/>
      <c r="AP199" s="104"/>
      <c r="AQ199" s="106"/>
      <c r="AR199" s="107"/>
    </row>
  </sheetData>
  <mergeCells count="152">
    <mergeCell ref="A194:B194"/>
    <mergeCell ref="W194:X194"/>
    <mergeCell ref="Y153:Z153"/>
    <mergeCell ref="AA153:AB153"/>
    <mergeCell ref="AC153:AD153"/>
    <mergeCell ref="AE153:AF153"/>
    <mergeCell ref="AG153:AH153"/>
    <mergeCell ref="AI153:AJ153"/>
    <mergeCell ref="A198:B198"/>
    <mergeCell ref="W198:X198"/>
    <mergeCell ref="A195:B195"/>
    <mergeCell ref="W195:X195"/>
    <mergeCell ref="A196:B196"/>
    <mergeCell ref="W196:X196"/>
    <mergeCell ref="A197:B197"/>
    <mergeCell ref="W197:X197"/>
    <mergeCell ref="Y152:AH152"/>
    <mergeCell ref="AI152:AR152"/>
    <mergeCell ref="C153:D153"/>
    <mergeCell ref="E153:F153"/>
    <mergeCell ref="G153:H153"/>
    <mergeCell ref="I153:J153"/>
    <mergeCell ref="K153:L153"/>
    <mergeCell ref="M153:N153"/>
    <mergeCell ref="O153:P153"/>
    <mergeCell ref="Q153:R153"/>
    <mergeCell ref="AM153:AN153"/>
    <mergeCell ref="AO153:AP153"/>
    <mergeCell ref="AQ153:AR153"/>
    <mergeCell ref="AK153:AL153"/>
    <mergeCell ref="A149:B149"/>
    <mergeCell ref="W149:X149"/>
    <mergeCell ref="A152:B154"/>
    <mergeCell ref="C152:L152"/>
    <mergeCell ref="M152:V152"/>
    <mergeCell ref="W152:X154"/>
    <mergeCell ref="S153:T153"/>
    <mergeCell ref="U153:V153"/>
    <mergeCell ref="A146:B146"/>
    <mergeCell ref="W146:X146"/>
    <mergeCell ref="A147:B147"/>
    <mergeCell ref="W147:X147"/>
    <mergeCell ref="A148:B148"/>
    <mergeCell ref="W148:X148"/>
    <mergeCell ref="A145:B145"/>
    <mergeCell ref="W145:X145"/>
    <mergeCell ref="Y104:Z104"/>
    <mergeCell ref="AA104:AB104"/>
    <mergeCell ref="AC104:AD104"/>
    <mergeCell ref="AE104:AF104"/>
    <mergeCell ref="AG104:AH104"/>
    <mergeCell ref="AI104:AJ104"/>
    <mergeCell ref="K104:L104"/>
    <mergeCell ref="M104:N104"/>
    <mergeCell ref="O104:P104"/>
    <mergeCell ref="Q104:R104"/>
    <mergeCell ref="S104:T104"/>
    <mergeCell ref="U104:V104"/>
    <mergeCell ref="A103:B105"/>
    <mergeCell ref="C103:L103"/>
    <mergeCell ref="M103:V103"/>
    <mergeCell ref="W103:X105"/>
    <mergeCell ref="Y103:AH103"/>
    <mergeCell ref="AI103:AR103"/>
    <mergeCell ref="C104:D104"/>
    <mergeCell ref="E104:F104"/>
    <mergeCell ref="G104:H104"/>
    <mergeCell ref="I104:J104"/>
    <mergeCell ref="A98:B98"/>
    <mergeCell ref="W98:X98"/>
    <mergeCell ref="A99:B99"/>
    <mergeCell ref="W99:X99"/>
    <mergeCell ref="A100:V100"/>
    <mergeCell ref="W100:AR100"/>
    <mergeCell ref="AK104:AL104"/>
    <mergeCell ref="AM104:AN104"/>
    <mergeCell ref="AO104:AP104"/>
    <mergeCell ref="AQ104:AR104"/>
    <mergeCell ref="A95:B95"/>
    <mergeCell ref="W95:X95"/>
    <mergeCell ref="A96:B96"/>
    <mergeCell ref="W96:X96"/>
    <mergeCell ref="A97:B97"/>
    <mergeCell ref="W97:X97"/>
    <mergeCell ref="AG54:AH54"/>
    <mergeCell ref="AI54:AJ54"/>
    <mergeCell ref="AK54:AL54"/>
    <mergeCell ref="G54:H54"/>
    <mergeCell ref="I54:J54"/>
    <mergeCell ref="K54:L54"/>
    <mergeCell ref="M54:N54"/>
    <mergeCell ref="O54:P54"/>
    <mergeCell ref="Q54:R54"/>
    <mergeCell ref="A50:V50"/>
    <mergeCell ref="W50:AR50"/>
    <mergeCell ref="A53:B55"/>
    <mergeCell ref="C53:L53"/>
    <mergeCell ref="M53:V53"/>
    <mergeCell ref="W53:X55"/>
    <mergeCell ref="Y53:AH53"/>
    <mergeCell ref="AI53:AR53"/>
    <mergeCell ref="C54:D54"/>
    <mergeCell ref="E54:F54"/>
    <mergeCell ref="AM54:AN54"/>
    <mergeCell ref="AO54:AP54"/>
    <mergeCell ref="AQ54:AR54"/>
    <mergeCell ref="S54:T54"/>
    <mergeCell ref="U54:V54"/>
    <mergeCell ref="Y54:Z54"/>
    <mergeCell ref="AA54:AB54"/>
    <mergeCell ref="AC54:AD54"/>
    <mergeCell ref="AE54:AF54"/>
    <mergeCell ref="A47:B47"/>
    <mergeCell ref="W47:X47"/>
    <mergeCell ref="A48:B48"/>
    <mergeCell ref="W48:X48"/>
    <mergeCell ref="A49:B49"/>
    <mergeCell ref="W49:X49"/>
    <mergeCell ref="AO4:AP4"/>
    <mergeCell ref="AQ4:AR4"/>
    <mergeCell ref="A45:B45"/>
    <mergeCell ref="W45:X45"/>
    <mergeCell ref="A46:B46"/>
    <mergeCell ref="W46:X46"/>
    <mergeCell ref="AC4:AD4"/>
    <mergeCell ref="AE4:AF4"/>
    <mergeCell ref="AG4:AH4"/>
    <mergeCell ref="AI4:AJ4"/>
    <mergeCell ref="AK4:AL4"/>
    <mergeCell ref="AM4:AN4"/>
    <mergeCell ref="O4:P4"/>
    <mergeCell ref="Q4:R4"/>
    <mergeCell ref="S4:T4"/>
    <mergeCell ref="U4:V4"/>
    <mergeCell ref="Y4:Z4"/>
    <mergeCell ref="AA4:AB4"/>
    <mergeCell ref="AM1:AN2"/>
    <mergeCell ref="A3:B5"/>
    <mergeCell ref="C3:L3"/>
    <mergeCell ref="M3:V3"/>
    <mergeCell ref="W3:X5"/>
    <mergeCell ref="Y3:AH3"/>
    <mergeCell ref="AI3:AR3"/>
    <mergeCell ref="C4:D4"/>
    <mergeCell ref="E4:F4"/>
    <mergeCell ref="G4:H4"/>
    <mergeCell ref="I4:J4"/>
    <mergeCell ref="K4:L4"/>
    <mergeCell ref="M4:N4"/>
    <mergeCell ref="G1:H2"/>
    <mergeCell ref="Q1:R2"/>
    <mergeCell ref="AC1:AD2"/>
  </mergeCells>
  <phoneticPr fontId="2"/>
  <printOptions horizontalCentered="1" gridLinesSet="0"/>
  <pageMargins left="0.39370078740157483" right="0.39370078740157483" top="0.59055118110236227" bottom="0.51181102362204722" header="0.47244094488188981" footer="0.59055118110236227"/>
  <pageSetup paperSize="9" scale="80" pageOrder="overThenDown" orientation="landscape" blackAndWhite="1" r:id="rId1"/>
  <headerFooter alignWithMargins="0"/>
  <rowBreaks count="3" manualBreakCount="3">
    <brk id="50" max="16383" man="1"/>
    <brk id="100" max="16383" man="1"/>
    <brk id="149" max="16383" man="1"/>
  </rowBreaks>
  <colBreaks count="1" manualBreakCount="1">
    <brk id="22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1"/>
  <sheetViews>
    <sheetView zoomScaleNormal="100" zoomScaleSheetLayoutView="100" workbookViewId="0"/>
  </sheetViews>
  <sheetFormatPr defaultColWidth="9" defaultRowHeight="10.8" x14ac:dyDescent="0.15"/>
  <cols>
    <col min="1" max="1" width="3.6640625" style="109" customWidth="1"/>
    <col min="2" max="2" width="9.88671875" style="345" customWidth="1"/>
    <col min="3" max="3" width="8.109375" style="345" customWidth="1"/>
    <col min="4" max="4" width="3.109375" style="109" customWidth="1"/>
    <col min="5" max="5" width="6.109375" style="109" customWidth="1"/>
    <col min="6" max="6" width="8.109375" style="109" customWidth="1"/>
    <col min="7" max="7" width="3.109375" style="109" customWidth="1"/>
    <col min="8" max="8" width="6.109375" style="109" customWidth="1"/>
    <col min="9" max="9" width="8.109375" style="109" customWidth="1"/>
    <col min="10" max="10" width="3.109375" style="109" customWidth="1"/>
    <col min="11" max="11" width="6.109375" style="109" customWidth="1"/>
    <col min="12" max="12" width="8.109375" style="109" customWidth="1"/>
    <col min="13" max="13" width="3.109375" style="109" customWidth="1"/>
    <col min="14" max="14" width="6.109375" style="109" customWidth="1"/>
    <col min="15" max="15" width="7.33203125" style="109" customWidth="1"/>
    <col min="16" max="16" width="3.44140625" style="109" customWidth="1"/>
    <col min="17" max="17" width="6.109375" style="109" customWidth="1"/>
    <col min="18" max="16384" width="9" style="109"/>
  </cols>
  <sheetData>
    <row r="1" spans="1:17" ht="16.5" customHeight="1" x14ac:dyDescent="0.2">
      <c r="A1" s="179" t="s">
        <v>133</v>
      </c>
    </row>
    <row r="2" spans="1:17" ht="11.1" customHeight="1" thickBot="1" x14ac:dyDescent="0.2"/>
    <row r="3" spans="1:17" ht="15" customHeight="1" x14ac:dyDescent="0.2">
      <c r="A3" s="422" t="s">
        <v>3</v>
      </c>
      <c r="B3" s="423"/>
      <c r="C3" s="415" t="s">
        <v>132</v>
      </c>
      <c r="D3" s="415"/>
      <c r="E3" s="415"/>
      <c r="F3" s="415" t="s">
        <v>148</v>
      </c>
      <c r="G3" s="421"/>
      <c r="H3" s="421"/>
      <c r="I3" s="415" t="s">
        <v>130</v>
      </c>
      <c r="J3" s="415"/>
      <c r="K3" s="415"/>
      <c r="L3" s="415" t="s">
        <v>129</v>
      </c>
      <c r="M3" s="415"/>
      <c r="N3" s="415"/>
      <c r="O3" s="414" t="s">
        <v>128</v>
      </c>
      <c r="P3" s="415"/>
      <c r="Q3" s="416"/>
    </row>
    <row r="4" spans="1:17" ht="12.75" customHeight="1" x14ac:dyDescent="0.15">
      <c r="A4" s="424"/>
      <c r="B4" s="425"/>
      <c r="C4" s="346" t="s">
        <v>125</v>
      </c>
      <c r="D4" s="174" t="s">
        <v>124</v>
      </c>
      <c r="E4" s="176" t="s">
        <v>149</v>
      </c>
      <c r="F4" s="177" t="s">
        <v>125</v>
      </c>
      <c r="G4" s="174" t="s">
        <v>124</v>
      </c>
      <c r="H4" s="176" t="s">
        <v>127</v>
      </c>
      <c r="I4" s="178" t="s">
        <v>125</v>
      </c>
      <c r="J4" s="174" t="s">
        <v>124</v>
      </c>
      <c r="K4" s="178" t="s">
        <v>126</v>
      </c>
      <c r="L4" s="177" t="s">
        <v>125</v>
      </c>
      <c r="M4" s="174" t="s">
        <v>124</v>
      </c>
      <c r="N4" s="176" t="s">
        <v>150</v>
      </c>
      <c r="O4" s="175" t="s">
        <v>125</v>
      </c>
      <c r="P4" s="174" t="s">
        <v>124</v>
      </c>
      <c r="Q4" s="173" t="s">
        <v>123</v>
      </c>
    </row>
    <row r="5" spans="1:17" s="167" customFormat="1" ht="12.75" customHeight="1" x14ac:dyDescent="0.15">
      <c r="A5" s="424"/>
      <c r="B5" s="425"/>
      <c r="C5" s="347" t="s">
        <v>121</v>
      </c>
      <c r="D5" s="169" t="s">
        <v>120</v>
      </c>
      <c r="E5" s="170" t="s">
        <v>119</v>
      </c>
      <c r="F5" s="170" t="s">
        <v>121</v>
      </c>
      <c r="G5" s="169" t="s">
        <v>120</v>
      </c>
      <c r="H5" s="171" t="s">
        <v>119</v>
      </c>
      <c r="I5" s="172" t="s">
        <v>121</v>
      </c>
      <c r="J5" s="169" t="s">
        <v>120</v>
      </c>
      <c r="K5" s="172" t="s">
        <v>122</v>
      </c>
      <c r="L5" s="170" t="s">
        <v>121</v>
      </c>
      <c r="M5" s="169" t="s">
        <v>120</v>
      </c>
      <c r="N5" s="171" t="s">
        <v>151</v>
      </c>
      <c r="O5" s="170" t="s">
        <v>121</v>
      </c>
      <c r="P5" s="169" t="s">
        <v>120</v>
      </c>
      <c r="Q5" s="168" t="s">
        <v>119</v>
      </c>
    </row>
    <row r="6" spans="1:17" ht="19.5" customHeight="1" x14ac:dyDescent="0.15">
      <c r="A6" s="166">
        <v>1</v>
      </c>
      <c r="B6" s="348" t="s">
        <v>17</v>
      </c>
      <c r="C6" s="349">
        <v>337682</v>
      </c>
      <c r="D6" s="148">
        <v>20</v>
      </c>
      <c r="E6" s="149">
        <v>5.54</v>
      </c>
      <c r="F6" s="148">
        <v>340753</v>
      </c>
      <c r="G6" s="148">
        <v>19</v>
      </c>
      <c r="H6" s="149">
        <v>0.91</v>
      </c>
      <c r="I6" s="146">
        <v>351422</v>
      </c>
      <c r="J6" s="146">
        <v>18</v>
      </c>
      <c r="K6" s="149">
        <v>3.13</v>
      </c>
      <c r="L6" s="148">
        <v>358104</v>
      </c>
      <c r="M6" s="148">
        <v>18</v>
      </c>
      <c r="N6" s="147">
        <v>1.9</v>
      </c>
      <c r="O6" s="139">
        <v>367348</v>
      </c>
      <c r="P6" s="146">
        <v>16</v>
      </c>
      <c r="Q6" s="145">
        <v>2.58</v>
      </c>
    </row>
    <row r="7" spans="1:17" ht="19.5" customHeight="1" x14ac:dyDescent="0.15">
      <c r="A7" s="151">
        <v>2</v>
      </c>
      <c r="B7" s="348" t="s">
        <v>18</v>
      </c>
      <c r="C7" s="349">
        <v>325707</v>
      </c>
      <c r="D7" s="148">
        <v>23</v>
      </c>
      <c r="E7" s="149">
        <v>5.9</v>
      </c>
      <c r="F7" s="148">
        <v>329029</v>
      </c>
      <c r="G7" s="148">
        <v>24</v>
      </c>
      <c r="H7" s="149">
        <v>1.02</v>
      </c>
      <c r="I7" s="146">
        <v>338188</v>
      </c>
      <c r="J7" s="146">
        <v>23</v>
      </c>
      <c r="K7" s="149">
        <v>2.78</v>
      </c>
      <c r="L7" s="148">
        <v>342464</v>
      </c>
      <c r="M7" s="148">
        <v>25</v>
      </c>
      <c r="N7" s="147">
        <v>1.26</v>
      </c>
      <c r="O7" s="139">
        <v>350394</v>
      </c>
      <c r="P7" s="146">
        <v>28</v>
      </c>
      <c r="Q7" s="145">
        <v>2.3199999999999998</v>
      </c>
    </row>
    <row r="8" spans="1:17" ht="19.5" customHeight="1" x14ac:dyDescent="0.15">
      <c r="A8" s="151">
        <v>3</v>
      </c>
      <c r="B8" s="348" t="s">
        <v>19</v>
      </c>
      <c r="C8" s="349">
        <v>362851</v>
      </c>
      <c r="D8" s="148">
        <v>5</v>
      </c>
      <c r="E8" s="149">
        <v>3.81</v>
      </c>
      <c r="F8" s="148">
        <v>365193</v>
      </c>
      <c r="G8" s="148">
        <v>5</v>
      </c>
      <c r="H8" s="149">
        <v>0.65</v>
      </c>
      <c r="I8" s="146">
        <v>378765</v>
      </c>
      <c r="J8" s="146">
        <v>6</v>
      </c>
      <c r="K8" s="149">
        <v>3.72</v>
      </c>
      <c r="L8" s="148">
        <v>387724</v>
      </c>
      <c r="M8" s="148">
        <v>5</v>
      </c>
      <c r="N8" s="147">
        <v>2.37</v>
      </c>
      <c r="O8" s="139">
        <v>390743</v>
      </c>
      <c r="P8" s="146">
        <v>8</v>
      </c>
      <c r="Q8" s="145">
        <v>0.78</v>
      </c>
    </row>
    <row r="9" spans="1:17" ht="19.5" customHeight="1" x14ac:dyDescent="0.15">
      <c r="A9" s="151">
        <v>4</v>
      </c>
      <c r="B9" s="348" t="s">
        <v>20</v>
      </c>
      <c r="C9" s="349">
        <v>331002</v>
      </c>
      <c r="D9" s="148">
        <v>21</v>
      </c>
      <c r="E9" s="149">
        <v>7.14</v>
      </c>
      <c r="F9" s="148">
        <v>339013</v>
      </c>
      <c r="G9" s="148">
        <v>20</v>
      </c>
      <c r="H9" s="149">
        <v>2.42</v>
      </c>
      <c r="I9" s="146">
        <v>352470</v>
      </c>
      <c r="J9" s="146">
        <v>17</v>
      </c>
      <c r="K9" s="149">
        <v>3.97</v>
      </c>
      <c r="L9" s="148">
        <v>359644</v>
      </c>
      <c r="M9" s="148">
        <v>15</v>
      </c>
      <c r="N9" s="147">
        <v>2.04</v>
      </c>
      <c r="O9" s="139">
        <v>364469</v>
      </c>
      <c r="P9" s="146">
        <v>18</v>
      </c>
      <c r="Q9" s="145">
        <v>1.34</v>
      </c>
    </row>
    <row r="10" spans="1:17" ht="19.5" customHeight="1" x14ac:dyDescent="0.15">
      <c r="A10" s="151">
        <v>5</v>
      </c>
      <c r="B10" s="348" t="s">
        <v>21</v>
      </c>
      <c r="C10" s="349">
        <v>341080</v>
      </c>
      <c r="D10" s="148">
        <v>17</v>
      </c>
      <c r="E10" s="149">
        <v>4.7</v>
      </c>
      <c r="F10" s="148">
        <v>335633</v>
      </c>
      <c r="G10" s="148">
        <v>21</v>
      </c>
      <c r="H10" s="149">
        <v>-1.6</v>
      </c>
      <c r="I10" s="146">
        <v>342608</v>
      </c>
      <c r="J10" s="146">
        <v>22</v>
      </c>
      <c r="K10" s="149">
        <v>2.08</v>
      </c>
      <c r="L10" s="148">
        <v>345497</v>
      </c>
      <c r="M10" s="148">
        <v>23</v>
      </c>
      <c r="N10" s="147">
        <v>0.84</v>
      </c>
      <c r="O10" s="139">
        <v>354987</v>
      </c>
      <c r="P10" s="146">
        <v>23</v>
      </c>
      <c r="Q10" s="145">
        <v>2.75</v>
      </c>
    </row>
    <row r="11" spans="1:17" ht="19.5" customHeight="1" x14ac:dyDescent="0.15">
      <c r="A11" s="151">
        <v>6</v>
      </c>
      <c r="B11" s="348" t="s">
        <v>22</v>
      </c>
      <c r="C11" s="349">
        <v>324003</v>
      </c>
      <c r="D11" s="148">
        <v>24</v>
      </c>
      <c r="E11" s="149">
        <v>5</v>
      </c>
      <c r="F11" s="148">
        <v>323077</v>
      </c>
      <c r="G11" s="148">
        <v>27</v>
      </c>
      <c r="H11" s="149">
        <v>-0.28999999999999998</v>
      </c>
      <c r="I11" s="146">
        <v>329951</v>
      </c>
      <c r="J11" s="146">
        <v>30</v>
      </c>
      <c r="K11" s="149">
        <v>2.13</v>
      </c>
      <c r="L11" s="148">
        <v>340456</v>
      </c>
      <c r="M11" s="148">
        <v>28</v>
      </c>
      <c r="N11" s="147">
        <v>3.18</v>
      </c>
      <c r="O11" s="139">
        <v>351731</v>
      </c>
      <c r="P11" s="146">
        <v>26</v>
      </c>
      <c r="Q11" s="145">
        <v>3.31</v>
      </c>
    </row>
    <row r="12" spans="1:17" ht="19.5" customHeight="1" x14ac:dyDescent="0.15">
      <c r="A12" s="151">
        <v>7</v>
      </c>
      <c r="B12" s="348" t="s">
        <v>23</v>
      </c>
      <c r="C12" s="349">
        <v>357041</v>
      </c>
      <c r="D12" s="148">
        <v>7</v>
      </c>
      <c r="E12" s="149">
        <v>4.17</v>
      </c>
      <c r="F12" s="148">
        <v>356478</v>
      </c>
      <c r="G12" s="148">
        <v>9</v>
      </c>
      <c r="H12" s="149">
        <v>-0.16</v>
      </c>
      <c r="I12" s="146">
        <v>372845</v>
      </c>
      <c r="J12" s="146">
        <v>9</v>
      </c>
      <c r="K12" s="149">
        <v>4.59</v>
      </c>
      <c r="L12" s="148">
        <v>385460</v>
      </c>
      <c r="M12" s="148">
        <v>6</v>
      </c>
      <c r="N12" s="147">
        <v>3.38</v>
      </c>
      <c r="O12" s="139">
        <v>400678</v>
      </c>
      <c r="P12" s="146">
        <v>5</v>
      </c>
      <c r="Q12" s="145">
        <v>3.95</v>
      </c>
    </row>
    <row r="13" spans="1:17" ht="19.5" customHeight="1" x14ac:dyDescent="0.15">
      <c r="A13" s="151">
        <v>8</v>
      </c>
      <c r="B13" s="348" t="s">
        <v>24</v>
      </c>
      <c r="C13" s="349">
        <v>320719</v>
      </c>
      <c r="D13" s="148">
        <v>26</v>
      </c>
      <c r="E13" s="149">
        <v>6.5</v>
      </c>
      <c r="F13" s="148">
        <v>323448</v>
      </c>
      <c r="G13" s="148">
        <v>26</v>
      </c>
      <c r="H13" s="149">
        <v>0.85</v>
      </c>
      <c r="I13" s="146">
        <v>332891</v>
      </c>
      <c r="J13" s="146">
        <v>26</v>
      </c>
      <c r="K13" s="149">
        <v>2.92</v>
      </c>
      <c r="L13" s="148">
        <v>336481</v>
      </c>
      <c r="M13" s="148">
        <v>29</v>
      </c>
      <c r="N13" s="147">
        <v>1.08</v>
      </c>
      <c r="O13" s="139">
        <v>350849</v>
      </c>
      <c r="P13" s="146">
        <v>27</v>
      </c>
      <c r="Q13" s="145">
        <v>4.2699999999999996</v>
      </c>
    </row>
    <row r="14" spans="1:17" ht="19.5" customHeight="1" x14ac:dyDescent="0.15">
      <c r="A14" s="151">
        <v>9</v>
      </c>
      <c r="B14" s="348" t="s">
        <v>25</v>
      </c>
      <c r="C14" s="349">
        <v>353105</v>
      </c>
      <c r="D14" s="148">
        <v>8</v>
      </c>
      <c r="E14" s="149">
        <v>3.5</v>
      </c>
      <c r="F14" s="148">
        <v>354632</v>
      </c>
      <c r="G14" s="148">
        <v>10</v>
      </c>
      <c r="H14" s="149">
        <v>0.43</v>
      </c>
      <c r="I14" s="146">
        <v>368530</v>
      </c>
      <c r="J14" s="146">
        <v>10</v>
      </c>
      <c r="K14" s="149">
        <v>3.92</v>
      </c>
      <c r="L14" s="148">
        <v>363029</v>
      </c>
      <c r="M14" s="148">
        <v>11</v>
      </c>
      <c r="N14" s="147">
        <v>-1.49</v>
      </c>
      <c r="O14" s="139">
        <v>377429</v>
      </c>
      <c r="P14" s="146">
        <v>12</v>
      </c>
      <c r="Q14" s="145">
        <v>3.97</v>
      </c>
    </row>
    <row r="15" spans="1:17" ht="19.5" customHeight="1" x14ac:dyDescent="0.15">
      <c r="A15" s="151">
        <v>10</v>
      </c>
      <c r="B15" s="348" t="s">
        <v>26</v>
      </c>
      <c r="C15" s="349">
        <v>320645</v>
      </c>
      <c r="D15" s="148">
        <v>27</v>
      </c>
      <c r="E15" s="149">
        <v>5.5</v>
      </c>
      <c r="F15" s="148">
        <v>325125</v>
      </c>
      <c r="G15" s="148">
        <v>25</v>
      </c>
      <c r="H15" s="149">
        <v>1.4</v>
      </c>
      <c r="I15" s="146">
        <v>332839</v>
      </c>
      <c r="J15" s="146">
        <v>27</v>
      </c>
      <c r="K15" s="149">
        <v>2.37</v>
      </c>
      <c r="L15" s="148">
        <v>342348</v>
      </c>
      <c r="M15" s="148">
        <v>26</v>
      </c>
      <c r="N15" s="147">
        <v>2.86</v>
      </c>
      <c r="O15" s="139">
        <v>352947</v>
      </c>
      <c r="P15" s="146">
        <v>24</v>
      </c>
      <c r="Q15" s="145">
        <v>3.1</v>
      </c>
    </row>
    <row r="16" spans="1:17" ht="19.5" customHeight="1" x14ac:dyDescent="0.15">
      <c r="A16" s="151">
        <v>11</v>
      </c>
      <c r="B16" s="348" t="s">
        <v>27</v>
      </c>
      <c r="C16" s="349">
        <v>350418</v>
      </c>
      <c r="D16" s="148">
        <v>11</v>
      </c>
      <c r="E16" s="149">
        <v>4.1399999999999997</v>
      </c>
      <c r="F16" s="148">
        <v>341852</v>
      </c>
      <c r="G16" s="148">
        <v>18</v>
      </c>
      <c r="H16" s="149">
        <v>-2.44</v>
      </c>
      <c r="I16" s="146">
        <v>356033</v>
      </c>
      <c r="J16" s="146">
        <v>15</v>
      </c>
      <c r="K16" s="149">
        <v>4.1500000000000004</v>
      </c>
      <c r="L16" s="148">
        <v>361811</v>
      </c>
      <c r="M16" s="148">
        <v>13</v>
      </c>
      <c r="N16" s="147">
        <v>1.62</v>
      </c>
      <c r="O16" s="139">
        <v>371852</v>
      </c>
      <c r="P16" s="146">
        <v>14</v>
      </c>
      <c r="Q16" s="145">
        <v>2.78</v>
      </c>
    </row>
    <row r="17" spans="1:17" ht="19.5" customHeight="1" x14ac:dyDescent="0.15">
      <c r="A17" s="151">
        <v>12</v>
      </c>
      <c r="B17" s="348" t="s">
        <v>28</v>
      </c>
      <c r="C17" s="349">
        <v>326501</v>
      </c>
      <c r="D17" s="148">
        <v>22</v>
      </c>
      <c r="E17" s="149">
        <v>4.13</v>
      </c>
      <c r="F17" s="148">
        <v>333863</v>
      </c>
      <c r="G17" s="148">
        <v>22</v>
      </c>
      <c r="H17" s="149">
        <v>2.25</v>
      </c>
      <c r="I17" s="146">
        <v>343852</v>
      </c>
      <c r="J17" s="146">
        <v>21</v>
      </c>
      <c r="K17" s="149">
        <v>2.99</v>
      </c>
      <c r="L17" s="148">
        <v>350590</v>
      </c>
      <c r="M17" s="148">
        <v>21</v>
      </c>
      <c r="N17" s="147">
        <v>1.96</v>
      </c>
      <c r="O17" s="139">
        <v>362354</v>
      </c>
      <c r="P17" s="146">
        <v>20</v>
      </c>
      <c r="Q17" s="145">
        <v>3.36</v>
      </c>
    </row>
    <row r="18" spans="1:17" ht="19.5" customHeight="1" x14ac:dyDescent="0.15">
      <c r="A18" s="151">
        <v>13</v>
      </c>
      <c r="B18" s="348" t="s">
        <v>29</v>
      </c>
      <c r="C18" s="349">
        <v>322276</v>
      </c>
      <c r="D18" s="148">
        <v>25</v>
      </c>
      <c r="E18" s="149">
        <v>3.13</v>
      </c>
      <c r="F18" s="148">
        <v>330521</v>
      </c>
      <c r="G18" s="148">
        <v>23</v>
      </c>
      <c r="H18" s="149">
        <v>2.56</v>
      </c>
      <c r="I18" s="146">
        <v>331913</v>
      </c>
      <c r="J18" s="146">
        <v>28</v>
      </c>
      <c r="K18" s="149">
        <v>0.42</v>
      </c>
      <c r="L18" s="148">
        <v>341585</v>
      </c>
      <c r="M18" s="148">
        <v>27</v>
      </c>
      <c r="N18" s="147">
        <v>2.91</v>
      </c>
      <c r="O18" s="139">
        <v>351968</v>
      </c>
      <c r="P18" s="146">
        <v>25</v>
      </c>
      <c r="Q18" s="145">
        <v>3.04</v>
      </c>
    </row>
    <row r="19" spans="1:17" ht="19.5" customHeight="1" x14ac:dyDescent="0.15">
      <c r="A19" s="151">
        <v>14</v>
      </c>
      <c r="B19" s="348" t="s">
        <v>30</v>
      </c>
      <c r="C19" s="349">
        <v>314729</v>
      </c>
      <c r="D19" s="148">
        <v>29</v>
      </c>
      <c r="E19" s="149">
        <v>7.06</v>
      </c>
      <c r="F19" s="148">
        <v>321158</v>
      </c>
      <c r="G19" s="148">
        <v>29</v>
      </c>
      <c r="H19" s="149">
        <v>2.04</v>
      </c>
      <c r="I19" s="146">
        <v>325024</v>
      </c>
      <c r="J19" s="146">
        <v>31</v>
      </c>
      <c r="K19" s="149">
        <v>1.2</v>
      </c>
      <c r="L19" s="148">
        <v>332330</v>
      </c>
      <c r="M19" s="148">
        <v>31</v>
      </c>
      <c r="N19" s="147">
        <v>2.25</v>
      </c>
      <c r="O19" s="139">
        <v>342671</v>
      </c>
      <c r="P19" s="146">
        <v>31</v>
      </c>
      <c r="Q19" s="145">
        <v>3.11</v>
      </c>
    </row>
    <row r="20" spans="1:17" ht="19.5" customHeight="1" x14ac:dyDescent="0.15">
      <c r="A20" s="151">
        <v>15</v>
      </c>
      <c r="B20" s="348" t="s">
        <v>31</v>
      </c>
      <c r="C20" s="349">
        <v>341326</v>
      </c>
      <c r="D20" s="148">
        <v>16</v>
      </c>
      <c r="E20" s="149">
        <v>5.63</v>
      </c>
      <c r="F20" s="148">
        <v>346003</v>
      </c>
      <c r="G20" s="148">
        <v>15</v>
      </c>
      <c r="H20" s="149">
        <v>1.37</v>
      </c>
      <c r="I20" s="146">
        <v>353129</v>
      </c>
      <c r="J20" s="146">
        <v>16</v>
      </c>
      <c r="K20" s="149">
        <v>2.06</v>
      </c>
      <c r="L20" s="148">
        <v>366628</v>
      </c>
      <c r="M20" s="148">
        <v>10</v>
      </c>
      <c r="N20" s="147">
        <v>3.82</v>
      </c>
      <c r="O20" s="139">
        <v>372476</v>
      </c>
      <c r="P20" s="146">
        <v>13</v>
      </c>
      <c r="Q20" s="145">
        <v>1.6</v>
      </c>
    </row>
    <row r="21" spans="1:17" ht="19.5" customHeight="1" x14ac:dyDescent="0.15">
      <c r="A21" s="151">
        <v>16</v>
      </c>
      <c r="B21" s="348" t="s">
        <v>32</v>
      </c>
      <c r="C21" s="349">
        <v>308588</v>
      </c>
      <c r="D21" s="148">
        <v>31</v>
      </c>
      <c r="E21" s="149">
        <v>5.75</v>
      </c>
      <c r="F21" s="148">
        <v>316024</v>
      </c>
      <c r="G21" s="148">
        <v>31</v>
      </c>
      <c r="H21" s="149">
        <v>2.41</v>
      </c>
      <c r="I21" s="146">
        <v>335264</v>
      </c>
      <c r="J21" s="146">
        <v>25</v>
      </c>
      <c r="K21" s="149">
        <v>6.09</v>
      </c>
      <c r="L21" s="148">
        <v>334386</v>
      </c>
      <c r="M21" s="148">
        <v>30</v>
      </c>
      <c r="N21" s="147">
        <v>-0.26</v>
      </c>
      <c r="O21" s="139">
        <v>349480</v>
      </c>
      <c r="P21" s="146">
        <v>29</v>
      </c>
      <c r="Q21" s="145">
        <v>4.51</v>
      </c>
    </row>
    <row r="22" spans="1:17" ht="19.5" customHeight="1" x14ac:dyDescent="0.15">
      <c r="A22" s="151">
        <v>17</v>
      </c>
      <c r="B22" s="348" t="s">
        <v>33</v>
      </c>
      <c r="C22" s="349">
        <v>320116</v>
      </c>
      <c r="D22" s="148">
        <v>28</v>
      </c>
      <c r="E22" s="149">
        <v>5.88</v>
      </c>
      <c r="F22" s="148">
        <v>321283</v>
      </c>
      <c r="G22" s="148">
        <v>28</v>
      </c>
      <c r="H22" s="149">
        <v>0.36</v>
      </c>
      <c r="I22" s="146">
        <v>331092</v>
      </c>
      <c r="J22" s="146">
        <v>29</v>
      </c>
      <c r="K22" s="149">
        <v>3.05</v>
      </c>
      <c r="L22" s="148">
        <v>342544</v>
      </c>
      <c r="M22" s="148">
        <v>24</v>
      </c>
      <c r="N22" s="147">
        <v>3.46</v>
      </c>
      <c r="O22" s="139">
        <v>348412</v>
      </c>
      <c r="P22" s="146">
        <v>30</v>
      </c>
      <c r="Q22" s="145">
        <v>1.71</v>
      </c>
    </row>
    <row r="23" spans="1:17" ht="19.5" customHeight="1" x14ac:dyDescent="0.15">
      <c r="A23" s="151">
        <v>18</v>
      </c>
      <c r="B23" s="348" t="s">
        <v>34</v>
      </c>
      <c r="C23" s="349">
        <v>352443</v>
      </c>
      <c r="D23" s="148">
        <v>9</v>
      </c>
      <c r="E23" s="149">
        <v>8.4499999999999993</v>
      </c>
      <c r="F23" s="148">
        <v>358920</v>
      </c>
      <c r="G23" s="148">
        <v>8</v>
      </c>
      <c r="H23" s="149">
        <v>1.84</v>
      </c>
      <c r="I23" s="146">
        <v>383584</v>
      </c>
      <c r="J23" s="146">
        <v>5</v>
      </c>
      <c r="K23" s="149">
        <v>6.87</v>
      </c>
      <c r="L23" s="148">
        <v>368417</v>
      </c>
      <c r="M23" s="148">
        <v>9</v>
      </c>
      <c r="N23" s="147">
        <v>-3.95</v>
      </c>
      <c r="O23" s="139">
        <v>395977</v>
      </c>
      <c r="P23" s="146">
        <v>7</v>
      </c>
      <c r="Q23" s="145">
        <v>7.48</v>
      </c>
    </row>
    <row r="24" spans="1:17" ht="19.5" customHeight="1" x14ac:dyDescent="0.15">
      <c r="A24" s="151">
        <v>19</v>
      </c>
      <c r="B24" s="348" t="s">
        <v>35</v>
      </c>
      <c r="C24" s="349">
        <v>302862</v>
      </c>
      <c r="D24" s="148">
        <v>33</v>
      </c>
      <c r="E24" s="149">
        <v>2.21</v>
      </c>
      <c r="F24" s="148">
        <v>305499</v>
      </c>
      <c r="G24" s="148">
        <v>32</v>
      </c>
      <c r="H24" s="149">
        <v>0.87</v>
      </c>
      <c r="I24" s="146">
        <v>315588</v>
      </c>
      <c r="J24" s="146">
        <v>32</v>
      </c>
      <c r="K24" s="149">
        <v>3.3</v>
      </c>
      <c r="L24" s="148">
        <v>310724</v>
      </c>
      <c r="M24" s="148">
        <v>33</v>
      </c>
      <c r="N24" s="147">
        <v>-1.54</v>
      </c>
      <c r="O24" s="139">
        <v>328958</v>
      </c>
      <c r="P24" s="146">
        <v>33</v>
      </c>
      <c r="Q24" s="145">
        <v>5.87</v>
      </c>
    </row>
    <row r="25" spans="1:17" ht="19.5" customHeight="1" x14ac:dyDescent="0.15">
      <c r="A25" s="151">
        <v>20</v>
      </c>
      <c r="B25" s="348" t="s">
        <v>36</v>
      </c>
      <c r="C25" s="349">
        <v>348141</v>
      </c>
      <c r="D25" s="148">
        <v>12</v>
      </c>
      <c r="E25" s="149">
        <v>3.2</v>
      </c>
      <c r="F25" s="148">
        <v>343220</v>
      </c>
      <c r="G25" s="148">
        <v>17</v>
      </c>
      <c r="H25" s="149">
        <v>-1.41</v>
      </c>
      <c r="I25" s="146">
        <v>362000</v>
      </c>
      <c r="J25" s="146">
        <v>13</v>
      </c>
      <c r="K25" s="149">
        <v>5.47</v>
      </c>
      <c r="L25" s="148">
        <v>358045</v>
      </c>
      <c r="M25" s="148">
        <v>19</v>
      </c>
      <c r="N25" s="147">
        <v>-1.0900000000000001</v>
      </c>
      <c r="O25" s="139">
        <v>357040</v>
      </c>
      <c r="P25" s="146">
        <v>21</v>
      </c>
      <c r="Q25" s="145">
        <v>-0.28000000000000003</v>
      </c>
    </row>
    <row r="26" spans="1:17" ht="19.5" customHeight="1" x14ac:dyDescent="0.15">
      <c r="A26" s="151">
        <v>21</v>
      </c>
      <c r="B26" s="348" t="s">
        <v>37</v>
      </c>
      <c r="C26" s="349">
        <v>312706</v>
      </c>
      <c r="D26" s="148">
        <v>30</v>
      </c>
      <c r="E26" s="149">
        <v>3.03</v>
      </c>
      <c r="F26" s="148">
        <v>318468</v>
      </c>
      <c r="G26" s="148">
        <v>30</v>
      </c>
      <c r="H26" s="149">
        <v>1.84</v>
      </c>
      <c r="I26" s="146">
        <v>336309</v>
      </c>
      <c r="J26" s="146">
        <v>24</v>
      </c>
      <c r="K26" s="149">
        <v>5.6</v>
      </c>
      <c r="L26" s="148">
        <v>345572</v>
      </c>
      <c r="M26" s="148">
        <v>22</v>
      </c>
      <c r="N26" s="147">
        <v>2.75</v>
      </c>
      <c r="O26" s="139">
        <v>355133</v>
      </c>
      <c r="P26" s="146">
        <v>22</v>
      </c>
      <c r="Q26" s="145">
        <v>2.77</v>
      </c>
    </row>
    <row r="27" spans="1:17" ht="19.5" customHeight="1" x14ac:dyDescent="0.15">
      <c r="A27" s="151">
        <v>22</v>
      </c>
      <c r="B27" s="348" t="s">
        <v>38</v>
      </c>
      <c r="C27" s="349">
        <v>348072</v>
      </c>
      <c r="D27" s="148">
        <v>13</v>
      </c>
      <c r="E27" s="149">
        <v>2.1</v>
      </c>
      <c r="F27" s="148">
        <v>346865</v>
      </c>
      <c r="G27" s="148">
        <v>14</v>
      </c>
      <c r="H27" s="149">
        <v>-0.35</v>
      </c>
      <c r="I27" s="146">
        <v>357876</v>
      </c>
      <c r="J27" s="146">
        <v>14</v>
      </c>
      <c r="K27" s="149">
        <v>3.17</v>
      </c>
      <c r="L27" s="148">
        <v>377833</v>
      </c>
      <c r="M27" s="148">
        <v>7</v>
      </c>
      <c r="N27" s="147">
        <v>5.58</v>
      </c>
      <c r="O27" s="139">
        <v>381701</v>
      </c>
      <c r="P27" s="146">
        <v>9</v>
      </c>
      <c r="Q27" s="145">
        <v>1.02</v>
      </c>
    </row>
    <row r="28" spans="1:17" ht="19.5" customHeight="1" x14ac:dyDescent="0.15">
      <c r="A28" s="151">
        <v>23</v>
      </c>
      <c r="B28" s="348" t="s">
        <v>39</v>
      </c>
      <c r="C28" s="349">
        <v>361743</v>
      </c>
      <c r="D28" s="148">
        <v>6</v>
      </c>
      <c r="E28" s="149">
        <v>11.24</v>
      </c>
      <c r="F28" s="148">
        <v>360461</v>
      </c>
      <c r="G28" s="148">
        <v>7</v>
      </c>
      <c r="H28" s="149">
        <v>-0.35</v>
      </c>
      <c r="I28" s="146">
        <v>378736</v>
      </c>
      <c r="J28" s="146">
        <v>7</v>
      </c>
      <c r="K28" s="149">
        <v>5.07</v>
      </c>
      <c r="L28" s="148">
        <v>360019</v>
      </c>
      <c r="M28" s="148">
        <v>14</v>
      </c>
      <c r="N28" s="147">
        <v>-4.9400000000000004</v>
      </c>
      <c r="O28" s="139">
        <v>370383</v>
      </c>
      <c r="P28" s="146">
        <v>15</v>
      </c>
      <c r="Q28" s="145">
        <v>2.88</v>
      </c>
    </row>
    <row r="29" spans="1:17" ht="19.5" customHeight="1" x14ac:dyDescent="0.15">
      <c r="A29" s="151">
        <v>24</v>
      </c>
      <c r="B29" s="348" t="s">
        <v>40</v>
      </c>
      <c r="C29" s="349">
        <v>345348</v>
      </c>
      <c r="D29" s="148">
        <v>14</v>
      </c>
      <c r="E29" s="149">
        <v>0.35</v>
      </c>
      <c r="F29" s="148">
        <v>351567</v>
      </c>
      <c r="G29" s="148">
        <v>12</v>
      </c>
      <c r="H29" s="149">
        <v>1.8</v>
      </c>
      <c r="I29" s="146">
        <v>385925</v>
      </c>
      <c r="J29" s="146">
        <v>4</v>
      </c>
      <c r="K29" s="149">
        <v>9.77</v>
      </c>
      <c r="L29" s="148">
        <v>358871</v>
      </c>
      <c r="M29" s="148">
        <v>17</v>
      </c>
      <c r="N29" s="147">
        <v>-7.01</v>
      </c>
      <c r="O29" s="139">
        <v>399054</v>
      </c>
      <c r="P29" s="146">
        <v>6</v>
      </c>
      <c r="Q29" s="145">
        <v>11.2</v>
      </c>
    </row>
    <row r="30" spans="1:17" ht="19.5" customHeight="1" x14ac:dyDescent="0.15">
      <c r="A30" s="151">
        <v>25</v>
      </c>
      <c r="B30" s="348" t="s">
        <v>41</v>
      </c>
      <c r="C30" s="349">
        <v>305599</v>
      </c>
      <c r="D30" s="148">
        <v>32</v>
      </c>
      <c r="E30" s="149">
        <v>0.2</v>
      </c>
      <c r="F30" s="148">
        <v>294729</v>
      </c>
      <c r="G30" s="148">
        <v>33</v>
      </c>
      <c r="H30" s="149">
        <v>-3.56</v>
      </c>
      <c r="I30" s="146">
        <v>307012</v>
      </c>
      <c r="J30" s="146">
        <v>33</v>
      </c>
      <c r="K30" s="149">
        <v>4.17</v>
      </c>
      <c r="L30" s="148">
        <v>314994</v>
      </c>
      <c r="M30" s="148">
        <v>32</v>
      </c>
      <c r="N30" s="147">
        <v>2.6</v>
      </c>
      <c r="O30" s="139">
        <v>333818</v>
      </c>
      <c r="P30" s="146">
        <v>32</v>
      </c>
      <c r="Q30" s="145">
        <v>5.98</v>
      </c>
    </row>
    <row r="31" spans="1:17" ht="19.5" customHeight="1" x14ac:dyDescent="0.15">
      <c r="A31" s="151">
        <v>26</v>
      </c>
      <c r="B31" s="348" t="s">
        <v>42</v>
      </c>
      <c r="C31" s="349">
        <v>381759</v>
      </c>
      <c r="D31" s="148">
        <v>3</v>
      </c>
      <c r="E31" s="149">
        <v>13.64</v>
      </c>
      <c r="F31" s="148">
        <v>385501</v>
      </c>
      <c r="G31" s="148">
        <v>3</v>
      </c>
      <c r="H31" s="149">
        <v>0.98</v>
      </c>
      <c r="I31" s="146">
        <v>405524</v>
      </c>
      <c r="J31" s="146">
        <v>2</v>
      </c>
      <c r="K31" s="149">
        <v>5.19</v>
      </c>
      <c r="L31" s="148">
        <v>422834</v>
      </c>
      <c r="M31" s="148">
        <v>3</v>
      </c>
      <c r="N31" s="147">
        <v>4.2699999999999996</v>
      </c>
      <c r="O31" s="139">
        <v>404340</v>
      </c>
      <c r="P31" s="146">
        <v>4</v>
      </c>
      <c r="Q31" s="145">
        <v>-4.37</v>
      </c>
    </row>
    <row r="32" spans="1:17" ht="19.5" customHeight="1" x14ac:dyDescent="0.15">
      <c r="A32" s="151">
        <v>27</v>
      </c>
      <c r="B32" s="348" t="s">
        <v>43</v>
      </c>
      <c r="C32" s="349">
        <v>392705</v>
      </c>
      <c r="D32" s="148">
        <v>1</v>
      </c>
      <c r="E32" s="149">
        <v>7.76</v>
      </c>
      <c r="F32" s="148">
        <v>416839</v>
      </c>
      <c r="G32" s="148">
        <v>1</v>
      </c>
      <c r="H32" s="149">
        <v>6.15</v>
      </c>
      <c r="I32" s="146">
        <v>407655</v>
      </c>
      <c r="J32" s="146">
        <v>1</v>
      </c>
      <c r="K32" s="149">
        <v>-2.2000000000000002</v>
      </c>
      <c r="L32" s="148">
        <v>441364</v>
      </c>
      <c r="M32" s="148">
        <v>1</v>
      </c>
      <c r="N32" s="147">
        <v>8.27</v>
      </c>
      <c r="O32" s="139">
        <v>452630</v>
      </c>
      <c r="P32" s="146">
        <v>1</v>
      </c>
      <c r="Q32" s="145">
        <v>2.5499999999999998</v>
      </c>
    </row>
    <row r="33" spans="1:17" ht="19.5" customHeight="1" x14ac:dyDescent="0.15">
      <c r="A33" s="151">
        <v>28</v>
      </c>
      <c r="B33" s="348" t="s">
        <v>44</v>
      </c>
      <c r="C33" s="349">
        <v>338452</v>
      </c>
      <c r="D33" s="148">
        <v>19</v>
      </c>
      <c r="E33" s="149">
        <v>5.32</v>
      </c>
      <c r="F33" s="148">
        <v>384543</v>
      </c>
      <c r="G33" s="148">
        <v>4</v>
      </c>
      <c r="H33" s="149">
        <v>13.62</v>
      </c>
      <c r="I33" s="146">
        <v>400729</v>
      </c>
      <c r="J33" s="146">
        <v>3</v>
      </c>
      <c r="K33" s="149">
        <v>4.21</v>
      </c>
      <c r="L33" s="148">
        <v>393792</v>
      </c>
      <c r="M33" s="148">
        <v>4</v>
      </c>
      <c r="N33" s="147">
        <v>-1.73</v>
      </c>
      <c r="O33" s="139">
        <v>410838</v>
      </c>
      <c r="P33" s="146">
        <v>3</v>
      </c>
      <c r="Q33" s="145">
        <v>4.33</v>
      </c>
    </row>
    <row r="34" spans="1:17" ht="19.5" customHeight="1" x14ac:dyDescent="0.15">
      <c r="A34" s="151">
        <v>29</v>
      </c>
      <c r="B34" s="348" t="s">
        <v>45</v>
      </c>
      <c r="C34" s="349">
        <v>377462</v>
      </c>
      <c r="D34" s="148">
        <v>4</v>
      </c>
      <c r="E34" s="149">
        <v>14.79</v>
      </c>
      <c r="F34" s="148">
        <v>350096</v>
      </c>
      <c r="G34" s="148">
        <v>13</v>
      </c>
      <c r="H34" s="149">
        <v>-7.25</v>
      </c>
      <c r="I34" s="146">
        <v>365995</v>
      </c>
      <c r="J34" s="146">
        <v>12</v>
      </c>
      <c r="K34" s="149">
        <v>4.54</v>
      </c>
      <c r="L34" s="148">
        <v>358992</v>
      </c>
      <c r="M34" s="148">
        <v>16</v>
      </c>
      <c r="N34" s="147">
        <v>-1.91</v>
      </c>
      <c r="O34" s="139">
        <v>365827</v>
      </c>
      <c r="P34" s="146">
        <v>17</v>
      </c>
      <c r="Q34" s="145">
        <v>1.9</v>
      </c>
    </row>
    <row r="35" spans="1:17" ht="19.5" customHeight="1" x14ac:dyDescent="0.15">
      <c r="A35" s="151">
        <v>30</v>
      </c>
      <c r="B35" s="348" t="s">
        <v>46</v>
      </c>
      <c r="C35" s="349">
        <v>386765</v>
      </c>
      <c r="D35" s="148">
        <v>2</v>
      </c>
      <c r="E35" s="149">
        <v>11.33</v>
      </c>
      <c r="F35" s="148">
        <v>387978</v>
      </c>
      <c r="G35" s="148">
        <v>2</v>
      </c>
      <c r="H35" s="149">
        <v>0.31</v>
      </c>
      <c r="I35" s="146">
        <v>375765</v>
      </c>
      <c r="J35" s="146">
        <v>8</v>
      </c>
      <c r="K35" s="149">
        <v>-3.15</v>
      </c>
      <c r="L35" s="148">
        <v>424635</v>
      </c>
      <c r="M35" s="148">
        <v>2</v>
      </c>
      <c r="N35" s="147">
        <v>13.01</v>
      </c>
      <c r="O35" s="139">
        <v>422771</v>
      </c>
      <c r="P35" s="146">
        <v>2</v>
      </c>
      <c r="Q35" s="145">
        <v>-0.44</v>
      </c>
    </row>
    <row r="36" spans="1:17" ht="19.5" customHeight="1" x14ac:dyDescent="0.15">
      <c r="A36" s="151">
        <v>31</v>
      </c>
      <c r="B36" s="348" t="s">
        <v>47</v>
      </c>
      <c r="C36" s="349">
        <v>339437</v>
      </c>
      <c r="D36" s="148">
        <v>18</v>
      </c>
      <c r="E36" s="149">
        <v>5.31</v>
      </c>
      <c r="F36" s="148">
        <v>352785</v>
      </c>
      <c r="G36" s="148">
        <v>11</v>
      </c>
      <c r="H36" s="149">
        <v>3.93</v>
      </c>
      <c r="I36" s="146">
        <v>366924</v>
      </c>
      <c r="J36" s="146">
        <v>11</v>
      </c>
      <c r="K36" s="149">
        <v>4.01</v>
      </c>
      <c r="L36" s="148">
        <v>355080</v>
      </c>
      <c r="M36" s="148">
        <v>20</v>
      </c>
      <c r="N36" s="147">
        <v>-3.23</v>
      </c>
      <c r="O36" s="139">
        <v>380269</v>
      </c>
      <c r="P36" s="146">
        <v>10</v>
      </c>
      <c r="Q36" s="145">
        <v>7.09</v>
      </c>
    </row>
    <row r="37" spans="1:17" ht="19.5" customHeight="1" x14ac:dyDescent="0.15">
      <c r="A37" s="151">
        <v>32</v>
      </c>
      <c r="B37" s="348" t="s">
        <v>48</v>
      </c>
      <c r="C37" s="349">
        <v>343167</v>
      </c>
      <c r="D37" s="148">
        <v>15</v>
      </c>
      <c r="E37" s="149">
        <v>8.74</v>
      </c>
      <c r="F37" s="148">
        <v>345080</v>
      </c>
      <c r="G37" s="148">
        <v>16</v>
      </c>
      <c r="H37" s="149">
        <v>0.56000000000000005</v>
      </c>
      <c r="I37" s="146">
        <v>346522</v>
      </c>
      <c r="J37" s="146">
        <v>20</v>
      </c>
      <c r="K37" s="149">
        <v>0.42</v>
      </c>
      <c r="L37" s="148">
        <v>362393</v>
      </c>
      <c r="M37" s="148">
        <v>12</v>
      </c>
      <c r="N37" s="147">
        <v>4.58</v>
      </c>
      <c r="O37" s="139">
        <v>378364</v>
      </c>
      <c r="P37" s="146">
        <v>11</v>
      </c>
      <c r="Q37" s="145">
        <v>4.41</v>
      </c>
    </row>
    <row r="38" spans="1:17" ht="18" customHeight="1" thickBot="1" x14ac:dyDescent="0.2">
      <c r="A38" s="144">
        <v>33</v>
      </c>
      <c r="B38" s="350" t="s">
        <v>49</v>
      </c>
      <c r="C38" s="351">
        <v>350997</v>
      </c>
      <c r="D38" s="141">
        <v>10</v>
      </c>
      <c r="E38" s="142">
        <v>-2.89</v>
      </c>
      <c r="F38" s="141">
        <v>364222</v>
      </c>
      <c r="G38" s="141">
        <v>6</v>
      </c>
      <c r="H38" s="142">
        <v>3.77</v>
      </c>
      <c r="I38" s="138">
        <v>350884</v>
      </c>
      <c r="J38" s="138">
        <v>19</v>
      </c>
      <c r="K38" s="142">
        <v>-3.66</v>
      </c>
      <c r="L38" s="141">
        <v>373981</v>
      </c>
      <c r="M38" s="141">
        <v>8</v>
      </c>
      <c r="N38" s="140">
        <v>6.58</v>
      </c>
      <c r="O38" s="139">
        <v>363758</v>
      </c>
      <c r="P38" s="138">
        <v>19</v>
      </c>
      <c r="Q38" s="137">
        <v>-2.73</v>
      </c>
    </row>
    <row r="39" spans="1:17" ht="12" hidden="1" customHeight="1" thickTop="1" thickBot="1" x14ac:dyDescent="0.2">
      <c r="A39" s="165">
        <v>34</v>
      </c>
      <c r="B39" s="352" t="s">
        <v>118</v>
      </c>
      <c r="C39" s="353"/>
      <c r="D39" s="161"/>
      <c r="E39" s="160"/>
      <c r="F39" s="162" t="s">
        <v>81</v>
      </c>
      <c r="G39" s="161" t="s">
        <v>81</v>
      </c>
      <c r="H39" s="160"/>
      <c r="I39" s="131" t="s">
        <v>81</v>
      </c>
      <c r="J39" s="131" t="s">
        <v>81</v>
      </c>
      <c r="K39" s="130"/>
      <c r="L39" s="129"/>
      <c r="M39" s="129" t="s">
        <v>81</v>
      </c>
      <c r="N39" s="127"/>
      <c r="O39" s="126"/>
      <c r="P39" s="159" t="s">
        <v>152</v>
      </c>
      <c r="Q39" s="124"/>
    </row>
    <row r="40" spans="1:17" ht="12" hidden="1" customHeight="1" thickTop="1" thickBot="1" x14ac:dyDescent="0.2">
      <c r="A40" s="165">
        <v>35</v>
      </c>
      <c r="B40" s="352" t="s">
        <v>117</v>
      </c>
      <c r="C40" s="353"/>
      <c r="D40" s="161"/>
      <c r="E40" s="160"/>
      <c r="F40" s="162" t="s">
        <v>81</v>
      </c>
      <c r="G40" s="161" t="s">
        <v>81</v>
      </c>
      <c r="H40" s="160"/>
      <c r="I40" s="131" t="s">
        <v>81</v>
      </c>
      <c r="J40" s="131" t="s">
        <v>81</v>
      </c>
      <c r="K40" s="130"/>
      <c r="L40" s="129"/>
      <c r="M40" s="129" t="s">
        <v>81</v>
      </c>
      <c r="N40" s="127"/>
      <c r="O40" s="126"/>
      <c r="P40" s="159" t="s">
        <v>106</v>
      </c>
      <c r="Q40" s="124"/>
    </row>
    <row r="41" spans="1:17" ht="12" hidden="1" customHeight="1" thickTop="1" thickBot="1" x14ac:dyDescent="0.2">
      <c r="A41" s="165">
        <v>36</v>
      </c>
      <c r="B41" s="352" t="s">
        <v>116</v>
      </c>
      <c r="C41" s="353"/>
      <c r="D41" s="161"/>
      <c r="E41" s="160"/>
      <c r="F41" s="162" t="s">
        <v>81</v>
      </c>
      <c r="G41" s="161" t="s">
        <v>81</v>
      </c>
      <c r="H41" s="160"/>
      <c r="I41" s="131" t="s">
        <v>81</v>
      </c>
      <c r="J41" s="131" t="s">
        <v>81</v>
      </c>
      <c r="K41" s="130"/>
      <c r="L41" s="129"/>
      <c r="M41" s="129" t="s">
        <v>81</v>
      </c>
      <c r="N41" s="127"/>
      <c r="O41" s="126"/>
      <c r="P41" s="159" t="s">
        <v>153</v>
      </c>
      <c r="Q41" s="124"/>
    </row>
    <row r="42" spans="1:17" ht="12" hidden="1" customHeight="1" thickTop="1" thickBot="1" x14ac:dyDescent="0.2">
      <c r="A42" s="165">
        <v>37</v>
      </c>
      <c r="B42" s="352" t="s">
        <v>115</v>
      </c>
      <c r="C42" s="353"/>
      <c r="D42" s="161"/>
      <c r="E42" s="160"/>
      <c r="F42" s="162" t="s">
        <v>81</v>
      </c>
      <c r="G42" s="161" t="s">
        <v>81</v>
      </c>
      <c r="H42" s="160"/>
      <c r="I42" s="131" t="s">
        <v>81</v>
      </c>
      <c r="J42" s="131" t="s">
        <v>81</v>
      </c>
      <c r="K42" s="130"/>
      <c r="L42" s="129"/>
      <c r="M42" s="129" t="s">
        <v>81</v>
      </c>
      <c r="N42" s="127"/>
      <c r="O42" s="126"/>
      <c r="P42" s="159" t="s">
        <v>106</v>
      </c>
      <c r="Q42" s="124"/>
    </row>
    <row r="43" spans="1:17" ht="19.5" customHeight="1" thickTop="1" x14ac:dyDescent="0.15">
      <c r="A43" s="158">
        <v>301</v>
      </c>
      <c r="B43" s="354" t="s">
        <v>114</v>
      </c>
      <c r="C43" s="355">
        <v>180948</v>
      </c>
      <c r="D43" s="156">
        <v>5</v>
      </c>
      <c r="E43" s="157">
        <v>6.71</v>
      </c>
      <c r="F43" s="156">
        <v>184745</v>
      </c>
      <c r="G43" s="156">
        <v>5</v>
      </c>
      <c r="H43" s="157">
        <v>2.1</v>
      </c>
      <c r="I43" s="153">
        <v>195328</v>
      </c>
      <c r="J43" s="153">
        <v>3</v>
      </c>
      <c r="K43" s="157">
        <v>5.73</v>
      </c>
      <c r="L43" s="156">
        <v>204777</v>
      </c>
      <c r="M43" s="156">
        <v>2</v>
      </c>
      <c r="N43" s="155">
        <v>4.84</v>
      </c>
      <c r="O43" s="154">
        <v>212763</v>
      </c>
      <c r="P43" s="153">
        <v>2</v>
      </c>
      <c r="Q43" s="152">
        <v>3.9</v>
      </c>
    </row>
    <row r="44" spans="1:17" ht="19.5" customHeight="1" x14ac:dyDescent="0.15">
      <c r="A44" s="151">
        <v>302</v>
      </c>
      <c r="B44" s="348" t="s">
        <v>113</v>
      </c>
      <c r="C44" s="349">
        <v>167488</v>
      </c>
      <c r="D44" s="148">
        <v>6</v>
      </c>
      <c r="E44" s="149">
        <v>5.63</v>
      </c>
      <c r="F44" s="148">
        <v>158702</v>
      </c>
      <c r="G44" s="148">
        <v>6</v>
      </c>
      <c r="H44" s="149">
        <v>-5.25</v>
      </c>
      <c r="I44" s="146">
        <v>163665</v>
      </c>
      <c r="J44" s="146">
        <v>6</v>
      </c>
      <c r="K44" s="149">
        <v>3.13</v>
      </c>
      <c r="L44" s="148">
        <v>168352</v>
      </c>
      <c r="M44" s="148">
        <v>6</v>
      </c>
      <c r="N44" s="147">
        <v>2.86</v>
      </c>
      <c r="O44" s="139">
        <v>171686</v>
      </c>
      <c r="P44" s="146">
        <v>6</v>
      </c>
      <c r="Q44" s="145">
        <v>1.98</v>
      </c>
    </row>
    <row r="45" spans="1:17" ht="19.5" customHeight="1" x14ac:dyDescent="0.15">
      <c r="A45" s="151">
        <v>303</v>
      </c>
      <c r="B45" s="348" t="s">
        <v>112</v>
      </c>
      <c r="C45" s="349">
        <v>256448</v>
      </c>
      <c r="D45" s="148">
        <v>1</v>
      </c>
      <c r="E45" s="149">
        <v>6.71</v>
      </c>
      <c r="F45" s="148">
        <v>242798</v>
      </c>
      <c r="G45" s="148">
        <v>1</v>
      </c>
      <c r="H45" s="149">
        <v>-5.32</v>
      </c>
      <c r="I45" s="146">
        <v>242506</v>
      </c>
      <c r="J45" s="146">
        <v>1</v>
      </c>
      <c r="K45" s="149">
        <v>-0.12</v>
      </c>
      <c r="L45" s="148">
        <v>246561</v>
      </c>
      <c r="M45" s="148">
        <v>1</v>
      </c>
      <c r="N45" s="147">
        <v>1.67</v>
      </c>
      <c r="O45" s="139">
        <v>257090</v>
      </c>
      <c r="P45" s="146">
        <v>1</v>
      </c>
      <c r="Q45" s="145">
        <v>4.2699999999999996</v>
      </c>
    </row>
    <row r="46" spans="1:17" ht="19.5" customHeight="1" x14ac:dyDescent="0.15">
      <c r="A46" s="151">
        <v>304</v>
      </c>
      <c r="B46" s="348" t="s">
        <v>111</v>
      </c>
      <c r="C46" s="349">
        <v>191942</v>
      </c>
      <c r="D46" s="148">
        <v>4</v>
      </c>
      <c r="E46" s="149">
        <v>-3.05</v>
      </c>
      <c r="F46" s="148">
        <v>190350</v>
      </c>
      <c r="G46" s="148">
        <v>4</v>
      </c>
      <c r="H46" s="149">
        <v>-0.83</v>
      </c>
      <c r="I46" s="146">
        <v>187551</v>
      </c>
      <c r="J46" s="146">
        <v>5</v>
      </c>
      <c r="K46" s="149">
        <v>-1.47</v>
      </c>
      <c r="L46" s="148">
        <v>182626</v>
      </c>
      <c r="M46" s="148">
        <v>5</v>
      </c>
      <c r="N46" s="147">
        <v>-2.63</v>
      </c>
      <c r="O46" s="139">
        <v>201062</v>
      </c>
      <c r="P46" s="146">
        <v>4</v>
      </c>
      <c r="Q46" s="145">
        <v>10.09</v>
      </c>
    </row>
    <row r="47" spans="1:17" ht="19.5" customHeight="1" x14ac:dyDescent="0.15">
      <c r="A47" s="151">
        <v>305</v>
      </c>
      <c r="B47" s="348" t="s">
        <v>110</v>
      </c>
      <c r="C47" s="349">
        <v>199384</v>
      </c>
      <c r="D47" s="148">
        <v>3</v>
      </c>
      <c r="E47" s="149">
        <v>5</v>
      </c>
      <c r="F47" s="148">
        <v>191763</v>
      </c>
      <c r="G47" s="148">
        <v>3</v>
      </c>
      <c r="H47" s="149">
        <v>-3.82</v>
      </c>
      <c r="I47" s="146">
        <v>189146</v>
      </c>
      <c r="J47" s="146">
        <v>4</v>
      </c>
      <c r="K47" s="149">
        <v>-1.36</v>
      </c>
      <c r="L47" s="148">
        <v>191391</v>
      </c>
      <c r="M47" s="148">
        <v>4</v>
      </c>
      <c r="N47" s="147">
        <v>1.19</v>
      </c>
      <c r="O47" s="139">
        <v>198808</v>
      </c>
      <c r="P47" s="146">
        <v>5</v>
      </c>
      <c r="Q47" s="145">
        <v>3.88</v>
      </c>
    </row>
    <row r="48" spans="1:17" ht="19.5" customHeight="1" thickBot="1" x14ac:dyDescent="0.2">
      <c r="A48" s="144">
        <v>306</v>
      </c>
      <c r="B48" s="350" t="s">
        <v>109</v>
      </c>
      <c r="C48" s="351">
        <v>204918</v>
      </c>
      <c r="D48" s="141">
        <v>2</v>
      </c>
      <c r="E48" s="142">
        <v>4.51</v>
      </c>
      <c r="F48" s="141">
        <v>201184</v>
      </c>
      <c r="G48" s="141">
        <v>2</v>
      </c>
      <c r="H48" s="142">
        <v>-1.82</v>
      </c>
      <c r="I48" s="138">
        <v>198497</v>
      </c>
      <c r="J48" s="138">
        <v>2</v>
      </c>
      <c r="K48" s="142">
        <v>-1.34</v>
      </c>
      <c r="L48" s="141">
        <v>197091</v>
      </c>
      <c r="M48" s="141">
        <v>3</v>
      </c>
      <c r="N48" s="140">
        <v>-0.71</v>
      </c>
      <c r="O48" s="139">
        <v>201835</v>
      </c>
      <c r="P48" s="138">
        <v>3</v>
      </c>
      <c r="Q48" s="137">
        <v>2.41</v>
      </c>
    </row>
    <row r="49" spans="1:17" ht="19.5" customHeight="1" thickTop="1" thickBot="1" x14ac:dyDescent="0.2">
      <c r="A49" s="417" t="s">
        <v>71</v>
      </c>
      <c r="B49" s="418"/>
      <c r="C49" s="356">
        <v>333272</v>
      </c>
      <c r="D49" s="133"/>
      <c r="E49" s="130">
        <v>5.42</v>
      </c>
      <c r="F49" s="129">
        <v>336496</v>
      </c>
      <c r="G49" s="132" t="s">
        <v>81</v>
      </c>
      <c r="H49" s="130">
        <v>0.97</v>
      </c>
      <c r="I49" s="131">
        <v>346612</v>
      </c>
      <c r="J49" s="125" t="s">
        <v>81</v>
      </c>
      <c r="K49" s="130">
        <v>3.01</v>
      </c>
      <c r="L49" s="129">
        <v>353301</v>
      </c>
      <c r="M49" s="128" t="s">
        <v>81</v>
      </c>
      <c r="N49" s="127">
        <v>1.93</v>
      </c>
      <c r="O49" s="126">
        <v>362703</v>
      </c>
      <c r="P49" s="125" t="s">
        <v>81</v>
      </c>
      <c r="Q49" s="124">
        <v>2.66</v>
      </c>
    </row>
    <row r="50" spans="1:17" ht="19.5" customHeight="1" thickTop="1" thickBot="1" x14ac:dyDescent="0.2">
      <c r="A50" s="417" t="s">
        <v>154</v>
      </c>
      <c r="B50" s="418"/>
      <c r="C50" s="356">
        <v>204583</v>
      </c>
      <c r="D50" s="133"/>
      <c r="E50" s="130">
        <v>4.8600000000000003</v>
      </c>
      <c r="F50" s="129">
        <v>199231</v>
      </c>
      <c r="G50" s="132" t="s">
        <v>81</v>
      </c>
      <c r="H50" s="130">
        <v>-2.62</v>
      </c>
      <c r="I50" s="131">
        <v>198483</v>
      </c>
      <c r="J50" s="125" t="s">
        <v>81</v>
      </c>
      <c r="K50" s="130">
        <v>-0.38</v>
      </c>
      <c r="L50" s="129">
        <v>199105</v>
      </c>
      <c r="M50" s="128" t="s">
        <v>81</v>
      </c>
      <c r="N50" s="127">
        <v>0.31</v>
      </c>
      <c r="O50" s="126">
        <v>204797</v>
      </c>
      <c r="P50" s="125" t="s">
        <v>81</v>
      </c>
      <c r="Q50" s="124">
        <v>2.86</v>
      </c>
    </row>
    <row r="51" spans="1:17" ht="19.5" customHeight="1" thickTop="1" thickBot="1" x14ac:dyDescent="0.2">
      <c r="A51" s="419" t="s">
        <v>107</v>
      </c>
      <c r="B51" s="420"/>
      <c r="C51" s="357">
        <v>325115</v>
      </c>
      <c r="D51" s="120"/>
      <c r="E51" s="117">
        <v>5.45</v>
      </c>
      <c r="F51" s="116">
        <v>327827</v>
      </c>
      <c r="G51" s="119" t="s">
        <v>81</v>
      </c>
      <c r="H51" s="117">
        <v>0.83</v>
      </c>
      <c r="I51" s="118">
        <v>336929</v>
      </c>
      <c r="J51" s="112" t="s">
        <v>81</v>
      </c>
      <c r="K51" s="117">
        <v>2.78</v>
      </c>
      <c r="L51" s="116">
        <v>343029</v>
      </c>
      <c r="M51" s="115" t="s">
        <v>81</v>
      </c>
      <c r="N51" s="114">
        <v>1.81</v>
      </c>
      <c r="O51" s="113">
        <v>351937</v>
      </c>
      <c r="P51" s="112" t="s">
        <v>81</v>
      </c>
      <c r="Q51" s="111">
        <v>2.6</v>
      </c>
    </row>
  </sheetData>
  <mergeCells count="9">
    <mergeCell ref="O3:Q3"/>
    <mergeCell ref="A49:B49"/>
    <mergeCell ref="A50:B50"/>
    <mergeCell ref="A51:B51"/>
    <mergeCell ref="C3:E3"/>
    <mergeCell ref="F3:H3"/>
    <mergeCell ref="I3:K3"/>
    <mergeCell ref="L3:N3"/>
    <mergeCell ref="A3:B5"/>
  </mergeCells>
  <phoneticPr fontId="2"/>
  <printOptions horizontalCentered="1" gridLinesSet="0"/>
  <pageMargins left="0.59055118110236227" right="0.59055118110236227" top="0.59055118110236227" bottom="0.59055118110236227" header="0.27559055118110237" footer="0.27559055118110237"/>
  <pageSetup paperSize="9" scale="88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1"/>
  <sheetViews>
    <sheetView zoomScaleNormal="100" zoomScaleSheetLayoutView="100" workbookViewId="0"/>
  </sheetViews>
  <sheetFormatPr defaultColWidth="9" defaultRowHeight="10.8" x14ac:dyDescent="0.15"/>
  <cols>
    <col min="1" max="1" width="3.6640625" style="109" customWidth="1"/>
    <col min="2" max="2" width="9.88671875" style="345" customWidth="1"/>
    <col min="3" max="3" width="8.109375" style="345" customWidth="1"/>
    <col min="4" max="4" width="3.109375" style="109" customWidth="1"/>
    <col min="5" max="5" width="6.109375" style="109" customWidth="1"/>
    <col min="6" max="6" width="8.109375" style="109" customWidth="1"/>
    <col min="7" max="7" width="3.109375" style="109" customWidth="1"/>
    <col min="8" max="8" width="6.109375" style="109" customWidth="1"/>
    <col min="9" max="9" width="8.109375" style="109" customWidth="1"/>
    <col min="10" max="10" width="3.109375" style="109" customWidth="1"/>
    <col min="11" max="11" width="6.109375" style="109" customWidth="1"/>
    <col min="12" max="12" width="8.109375" style="109" customWidth="1"/>
    <col min="13" max="13" width="3.109375" style="109" customWidth="1"/>
    <col min="14" max="14" width="6.109375" style="109" customWidth="1"/>
    <col min="15" max="15" width="8.109375" style="109" customWidth="1"/>
    <col min="16" max="16" width="3.109375" style="109" customWidth="1"/>
    <col min="17" max="17" width="6.109375" style="109" customWidth="1"/>
    <col min="18" max="16384" width="9" style="109"/>
  </cols>
  <sheetData>
    <row r="1" spans="1:17" ht="16.5" customHeight="1" x14ac:dyDescent="0.2">
      <c r="A1" s="179" t="s">
        <v>137</v>
      </c>
      <c r="O1" s="184"/>
    </row>
    <row r="2" spans="1:17" ht="11.1" customHeight="1" thickBot="1" x14ac:dyDescent="0.2"/>
    <row r="3" spans="1:17" ht="15" customHeight="1" x14ac:dyDescent="0.2">
      <c r="A3" s="422" t="s">
        <v>3</v>
      </c>
      <c r="B3" s="423"/>
      <c r="C3" s="427" t="s">
        <v>145</v>
      </c>
      <c r="D3" s="428"/>
      <c r="E3" s="428"/>
      <c r="F3" s="427" t="s">
        <v>144</v>
      </c>
      <c r="G3" s="421"/>
      <c r="H3" s="421"/>
      <c r="I3" s="415" t="s">
        <v>155</v>
      </c>
      <c r="J3" s="421"/>
      <c r="K3" s="421"/>
      <c r="L3" s="415" t="s">
        <v>156</v>
      </c>
      <c r="M3" s="421"/>
      <c r="N3" s="421"/>
      <c r="O3" s="414" t="s">
        <v>128</v>
      </c>
      <c r="P3" s="421"/>
      <c r="Q3" s="426"/>
    </row>
    <row r="4" spans="1:17" ht="12.75" customHeight="1" x14ac:dyDescent="0.15">
      <c r="A4" s="424"/>
      <c r="B4" s="425"/>
      <c r="C4" s="346" t="s">
        <v>125</v>
      </c>
      <c r="D4" s="174" t="s">
        <v>124</v>
      </c>
      <c r="E4" s="176" t="s">
        <v>143</v>
      </c>
      <c r="F4" s="177" t="s">
        <v>125</v>
      </c>
      <c r="G4" s="174" t="s">
        <v>124</v>
      </c>
      <c r="H4" s="176" t="s">
        <v>157</v>
      </c>
      <c r="I4" s="177" t="s">
        <v>125</v>
      </c>
      <c r="J4" s="174" t="s">
        <v>124</v>
      </c>
      <c r="K4" s="177" t="s">
        <v>126</v>
      </c>
      <c r="L4" s="177" t="s">
        <v>125</v>
      </c>
      <c r="M4" s="174" t="s">
        <v>124</v>
      </c>
      <c r="N4" s="183" t="s">
        <v>142</v>
      </c>
      <c r="O4" s="177" t="s">
        <v>125</v>
      </c>
      <c r="P4" s="174" t="s">
        <v>124</v>
      </c>
      <c r="Q4" s="173" t="s">
        <v>123</v>
      </c>
    </row>
    <row r="5" spans="1:17" s="167" customFormat="1" ht="12.75" customHeight="1" x14ac:dyDescent="0.15">
      <c r="A5" s="424"/>
      <c r="B5" s="425"/>
      <c r="C5" s="347" t="s">
        <v>121</v>
      </c>
      <c r="D5" s="169" t="s">
        <v>120</v>
      </c>
      <c r="E5" s="171" t="s">
        <v>122</v>
      </c>
      <c r="F5" s="170" t="s">
        <v>121</v>
      </c>
      <c r="G5" s="169" t="s">
        <v>120</v>
      </c>
      <c r="H5" s="171" t="s">
        <v>122</v>
      </c>
      <c r="I5" s="170" t="s">
        <v>121</v>
      </c>
      <c r="J5" s="169" t="s">
        <v>120</v>
      </c>
      <c r="K5" s="170" t="s">
        <v>122</v>
      </c>
      <c r="L5" s="170" t="s">
        <v>121</v>
      </c>
      <c r="M5" s="169" t="s">
        <v>120</v>
      </c>
      <c r="N5" s="182" t="s">
        <v>122</v>
      </c>
      <c r="O5" s="170" t="s">
        <v>121</v>
      </c>
      <c r="P5" s="169" t="s">
        <v>120</v>
      </c>
      <c r="Q5" s="181" t="s">
        <v>122</v>
      </c>
    </row>
    <row r="6" spans="1:17" ht="19.5" customHeight="1" x14ac:dyDescent="0.15">
      <c r="A6" s="166">
        <v>1</v>
      </c>
      <c r="B6" s="348" t="s">
        <v>17</v>
      </c>
      <c r="C6" s="349">
        <v>335832</v>
      </c>
      <c r="D6" s="148">
        <v>19</v>
      </c>
      <c r="E6" s="149">
        <v>5.77</v>
      </c>
      <c r="F6" s="148">
        <v>339725</v>
      </c>
      <c r="G6" s="148">
        <v>19</v>
      </c>
      <c r="H6" s="149">
        <v>1.1599999999999999</v>
      </c>
      <c r="I6" s="146">
        <v>350742</v>
      </c>
      <c r="J6" s="146">
        <v>19</v>
      </c>
      <c r="K6" s="147">
        <v>3.24</v>
      </c>
      <c r="L6" s="146">
        <v>357682</v>
      </c>
      <c r="M6" s="146">
        <v>18</v>
      </c>
      <c r="N6" s="147">
        <v>1.98</v>
      </c>
      <c r="O6" s="146">
        <v>367287</v>
      </c>
      <c r="P6" s="146">
        <v>16</v>
      </c>
      <c r="Q6" s="145">
        <v>2.69</v>
      </c>
    </row>
    <row r="7" spans="1:17" ht="19.5" customHeight="1" x14ac:dyDescent="0.15">
      <c r="A7" s="151">
        <v>2</v>
      </c>
      <c r="B7" s="348" t="s">
        <v>18</v>
      </c>
      <c r="C7" s="349">
        <v>322700</v>
      </c>
      <c r="D7" s="148">
        <v>23</v>
      </c>
      <c r="E7" s="149">
        <v>6.12</v>
      </c>
      <c r="F7" s="148">
        <v>326780</v>
      </c>
      <c r="G7" s="148">
        <v>24</v>
      </c>
      <c r="H7" s="149">
        <v>1.26</v>
      </c>
      <c r="I7" s="146">
        <v>336579</v>
      </c>
      <c r="J7" s="146">
        <v>23</v>
      </c>
      <c r="K7" s="147">
        <v>3</v>
      </c>
      <c r="L7" s="146">
        <v>341417</v>
      </c>
      <c r="M7" s="146">
        <v>27</v>
      </c>
      <c r="N7" s="147">
        <v>1.44</v>
      </c>
      <c r="O7" s="146">
        <v>350257</v>
      </c>
      <c r="P7" s="146">
        <v>28</v>
      </c>
      <c r="Q7" s="145">
        <v>2.59</v>
      </c>
    </row>
    <row r="8" spans="1:17" ht="19.5" customHeight="1" x14ac:dyDescent="0.15">
      <c r="A8" s="151">
        <v>3</v>
      </c>
      <c r="B8" s="348" t="s">
        <v>19</v>
      </c>
      <c r="C8" s="349">
        <v>360661</v>
      </c>
      <c r="D8" s="148">
        <v>6</v>
      </c>
      <c r="E8" s="149">
        <v>3.92</v>
      </c>
      <c r="F8" s="148">
        <v>364377</v>
      </c>
      <c r="G8" s="148">
        <v>6</v>
      </c>
      <c r="H8" s="149">
        <v>1.03</v>
      </c>
      <c r="I8" s="146">
        <v>378415</v>
      </c>
      <c r="J8" s="146">
        <v>6</v>
      </c>
      <c r="K8" s="147">
        <v>3.85</v>
      </c>
      <c r="L8" s="146">
        <v>387691</v>
      </c>
      <c r="M8" s="146">
        <v>5</v>
      </c>
      <c r="N8" s="147">
        <v>2.4500000000000002</v>
      </c>
      <c r="O8" s="146">
        <v>390704</v>
      </c>
      <c r="P8" s="146">
        <v>8</v>
      </c>
      <c r="Q8" s="145">
        <v>0.78</v>
      </c>
    </row>
    <row r="9" spans="1:17" ht="19.5" customHeight="1" x14ac:dyDescent="0.15">
      <c r="A9" s="151">
        <v>4</v>
      </c>
      <c r="B9" s="348" t="s">
        <v>20</v>
      </c>
      <c r="C9" s="349">
        <v>328294</v>
      </c>
      <c r="D9" s="148">
        <v>20</v>
      </c>
      <c r="E9" s="149">
        <v>7.06</v>
      </c>
      <c r="F9" s="148">
        <v>337861</v>
      </c>
      <c r="G9" s="148">
        <v>20</v>
      </c>
      <c r="H9" s="149">
        <v>2.91</v>
      </c>
      <c r="I9" s="146">
        <v>351511</v>
      </c>
      <c r="J9" s="146">
        <v>17</v>
      </c>
      <c r="K9" s="147">
        <v>4.04</v>
      </c>
      <c r="L9" s="146">
        <v>359434</v>
      </c>
      <c r="M9" s="146">
        <v>17</v>
      </c>
      <c r="N9" s="147">
        <v>2.25</v>
      </c>
      <c r="O9" s="146">
        <v>364385</v>
      </c>
      <c r="P9" s="146">
        <v>18</v>
      </c>
      <c r="Q9" s="145">
        <v>1.38</v>
      </c>
    </row>
    <row r="10" spans="1:17" ht="19.5" customHeight="1" x14ac:dyDescent="0.15">
      <c r="A10" s="151">
        <v>5</v>
      </c>
      <c r="B10" s="348" t="s">
        <v>21</v>
      </c>
      <c r="C10" s="349">
        <v>339729</v>
      </c>
      <c r="D10" s="148">
        <v>17</v>
      </c>
      <c r="E10" s="149">
        <v>4.45</v>
      </c>
      <c r="F10" s="148">
        <v>334301</v>
      </c>
      <c r="G10" s="148">
        <v>21</v>
      </c>
      <c r="H10" s="149">
        <v>-1.6</v>
      </c>
      <c r="I10" s="146">
        <v>341233</v>
      </c>
      <c r="J10" s="146">
        <v>22</v>
      </c>
      <c r="K10" s="147">
        <v>2.0699999999999998</v>
      </c>
      <c r="L10" s="146">
        <v>344610</v>
      </c>
      <c r="M10" s="146">
        <v>23</v>
      </c>
      <c r="N10" s="147">
        <v>0.99</v>
      </c>
      <c r="O10" s="146">
        <v>354867</v>
      </c>
      <c r="P10" s="146">
        <v>23</v>
      </c>
      <c r="Q10" s="145">
        <v>2.98</v>
      </c>
    </row>
    <row r="11" spans="1:17" ht="19.5" customHeight="1" x14ac:dyDescent="0.15">
      <c r="A11" s="151">
        <v>6</v>
      </c>
      <c r="B11" s="348" t="s">
        <v>22</v>
      </c>
      <c r="C11" s="349">
        <v>322139</v>
      </c>
      <c r="D11" s="148">
        <v>24</v>
      </c>
      <c r="E11" s="149">
        <v>5.27</v>
      </c>
      <c r="F11" s="148">
        <v>322354</v>
      </c>
      <c r="G11" s="148">
        <v>27</v>
      </c>
      <c r="H11" s="149">
        <v>7.0000000000000007E-2</v>
      </c>
      <c r="I11" s="146">
        <v>329757</v>
      </c>
      <c r="J11" s="146">
        <v>29</v>
      </c>
      <c r="K11" s="147">
        <v>2.2999999999999998</v>
      </c>
      <c r="L11" s="146">
        <v>340568</v>
      </c>
      <c r="M11" s="146">
        <v>28</v>
      </c>
      <c r="N11" s="147">
        <v>3.28</v>
      </c>
      <c r="O11" s="146">
        <v>351686</v>
      </c>
      <c r="P11" s="146">
        <v>26</v>
      </c>
      <c r="Q11" s="145">
        <v>3.26</v>
      </c>
    </row>
    <row r="12" spans="1:17" ht="19.5" customHeight="1" x14ac:dyDescent="0.15">
      <c r="A12" s="151">
        <v>7</v>
      </c>
      <c r="B12" s="348" t="s">
        <v>23</v>
      </c>
      <c r="C12" s="349">
        <v>356687</v>
      </c>
      <c r="D12" s="148">
        <v>7</v>
      </c>
      <c r="E12" s="149">
        <v>4.6399999999999997</v>
      </c>
      <c r="F12" s="148">
        <v>356004</v>
      </c>
      <c r="G12" s="148">
        <v>9</v>
      </c>
      <c r="H12" s="149">
        <v>-0.19</v>
      </c>
      <c r="I12" s="146">
        <v>372998</v>
      </c>
      <c r="J12" s="146">
        <v>9</v>
      </c>
      <c r="K12" s="147">
        <v>4.7699999999999996</v>
      </c>
      <c r="L12" s="146">
        <v>385528</v>
      </c>
      <c r="M12" s="146">
        <v>6</v>
      </c>
      <c r="N12" s="147">
        <v>3.36</v>
      </c>
      <c r="O12" s="146">
        <v>400743</v>
      </c>
      <c r="P12" s="146">
        <v>5</v>
      </c>
      <c r="Q12" s="145">
        <v>3.95</v>
      </c>
    </row>
    <row r="13" spans="1:17" ht="19.5" customHeight="1" x14ac:dyDescent="0.15">
      <c r="A13" s="151">
        <v>8</v>
      </c>
      <c r="B13" s="348" t="s">
        <v>24</v>
      </c>
      <c r="C13" s="349">
        <v>318422</v>
      </c>
      <c r="D13" s="148">
        <v>27</v>
      </c>
      <c r="E13" s="149">
        <v>6.31</v>
      </c>
      <c r="F13" s="148">
        <v>322386</v>
      </c>
      <c r="G13" s="148">
        <v>26</v>
      </c>
      <c r="H13" s="149">
        <v>1.24</v>
      </c>
      <c r="I13" s="146">
        <v>332885</v>
      </c>
      <c r="J13" s="146">
        <v>26</v>
      </c>
      <c r="K13" s="147">
        <v>3.26</v>
      </c>
      <c r="L13" s="146">
        <v>336500</v>
      </c>
      <c r="M13" s="146">
        <v>29</v>
      </c>
      <c r="N13" s="147">
        <v>1.0900000000000001</v>
      </c>
      <c r="O13" s="146">
        <v>350746</v>
      </c>
      <c r="P13" s="146">
        <v>27</v>
      </c>
      <c r="Q13" s="145">
        <v>4.2300000000000004</v>
      </c>
    </row>
    <row r="14" spans="1:17" ht="19.5" customHeight="1" x14ac:dyDescent="0.15">
      <c r="A14" s="151">
        <v>9</v>
      </c>
      <c r="B14" s="348" t="s">
        <v>25</v>
      </c>
      <c r="C14" s="349">
        <v>351224</v>
      </c>
      <c r="D14" s="148">
        <v>9</v>
      </c>
      <c r="E14" s="149">
        <v>3.13</v>
      </c>
      <c r="F14" s="148">
        <v>353730</v>
      </c>
      <c r="G14" s="148">
        <v>10</v>
      </c>
      <c r="H14" s="149">
        <v>0.71</v>
      </c>
      <c r="I14" s="146">
        <v>366843</v>
      </c>
      <c r="J14" s="146">
        <v>11</v>
      </c>
      <c r="K14" s="147">
        <v>3.71</v>
      </c>
      <c r="L14" s="146">
        <v>362587</v>
      </c>
      <c r="M14" s="146">
        <v>11</v>
      </c>
      <c r="N14" s="147">
        <v>-1.1599999999999999</v>
      </c>
      <c r="O14" s="146">
        <v>377351</v>
      </c>
      <c r="P14" s="146">
        <v>12</v>
      </c>
      <c r="Q14" s="145">
        <v>4.07</v>
      </c>
    </row>
    <row r="15" spans="1:17" ht="19.5" customHeight="1" x14ac:dyDescent="0.15">
      <c r="A15" s="151">
        <v>10</v>
      </c>
      <c r="B15" s="348" t="s">
        <v>26</v>
      </c>
      <c r="C15" s="349">
        <v>318947</v>
      </c>
      <c r="D15" s="148">
        <v>26</v>
      </c>
      <c r="E15" s="149">
        <v>5.83</v>
      </c>
      <c r="F15" s="148">
        <v>323291</v>
      </c>
      <c r="G15" s="148">
        <v>25</v>
      </c>
      <c r="H15" s="149">
        <v>1.36</v>
      </c>
      <c r="I15" s="146">
        <v>331897</v>
      </c>
      <c r="J15" s="146">
        <v>27</v>
      </c>
      <c r="K15" s="147">
        <v>2.66</v>
      </c>
      <c r="L15" s="146">
        <v>341850</v>
      </c>
      <c r="M15" s="146">
        <v>25</v>
      </c>
      <c r="N15" s="147">
        <v>3</v>
      </c>
      <c r="O15" s="146">
        <v>352717</v>
      </c>
      <c r="P15" s="146">
        <v>24</v>
      </c>
      <c r="Q15" s="145">
        <v>3.18</v>
      </c>
    </row>
    <row r="16" spans="1:17" ht="19.5" customHeight="1" x14ac:dyDescent="0.15">
      <c r="A16" s="151">
        <v>11</v>
      </c>
      <c r="B16" s="348" t="s">
        <v>27</v>
      </c>
      <c r="C16" s="349">
        <v>347974</v>
      </c>
      <c r="D16" s="148">
        <v>12</v>
      </c>
      <c r="E16" s="149">
        <v>4.33</v>
      </c>
      <c r="F16" s="148">
        <v>340106</v>
      </c>
      <c r="G16" s="148">
        <v>18</v>
      </c>
      <c r="H16" s="149">
        <v>-2.2599999999999998</v>
      </c>
      <c r="I16" s="146">
        <v>355563</v>
      </c>
      <c r="J16" s="146">
        <v>15</v>
      </c>
      <c r="K16" s="147">
        <v>4.54</v>
      </c>
      <c r="L16" s="146">
        <v>360101</v>
      </c>
      <c r="M16" s="146">
        <v>14</v>
      </c>
      <c r="N16" s="147">
        <v>1.28</v>
      </c>
      <c r="O16" s="146">
        <v>371744</v>
      </c>
      <c r="P16" s="146">
        <v>14</v>
      </c>
      <c r="Q16" s="145">
        <v>3.23</v>
      </c>
    </row>
    <row r="17" spans="1:17" ht="19.5" customHeight="1" x14ac:dyDescent="0.15">
      <c r="A17" s="151">
        <v>12</v>
      </c>
      <c r="B17" s="348" t="s">
        <v>28</v>
      </c>
      <c r="C17" s="349">
        <v>325856</v>
      </c>
      <c r="D17" s="148">
        <v>22</v>
      </c>
      <c r="E17" s="149">
        <v>4.46</v>
      </c>
      <c r="F17" s="148">
        <v>333733</v>
      </c>
      <c r="G17" s="148">
        <v>22</v>
      </c>
      <c r="H17" s="149">
        <v>2.42</v>
      </c>
      <c r="I17" s="146">
        <v>343811</v>
      </c>
      <c r="J17" s="146">
        <v>21</v>
      </c>
      <c r="K17" s="147">
        <v>3.02</v>
      </c>
      <c r="L17" s="146">
        <v>350336</v>
      </c>
      <c r="M17" s="146">
        <v>21</v>
      </c>
      <c r="N17" s="147">
        <v>1.9</v>
      </c>
      <c r="O17" s="146">
        <v>362478</v>
      </c>
      <c r="P17" s="146">
        <v>20</v>
      </c>
      <c r="Q17" s="145">
        <v>3.47</v>
      </c>
    </row>
    <row r="18" spans="1:17" ht="19.5" customHeight="1" x14ac:dyDescent="0.15">
      <c r="A18" s="151">
        <v>13</v>
      </c>
      <c r="B18" s="348" t="s">
        <v>29</v>
      </c>
      <c r="C18" s="349">
        <v>321009</v>
      </c>
      <c r="D18" s="148">
        <v>25</v>
      </c>
      <c r="E18" s="149">
        <v>3.26</v>
      </c>
      <c r="F18" s="148">
        <v>328897</v>
      </c>
      <c r="G18" s="148">
        <v>23</v>
      </c>
      <c r="H18" s="149">
        <v>2.46</v>
      </c>
      <c r="I18" s="146">
        <v>331181</v>
      </c>
      <c r="J18" s="146">
        <v>28</v>
      </c>
      <c r="K18" s="147">
        <v>0.69</v>
      </c>
      <c r="L18" s="146">
        <v>341548</v>
      </c>
      <c r="M18" s="146">
        <v>26</v>
      </c>
      <c r="N18" s="147">
        <v>3.13</v>
      </c>
      <c r="O18" s="146">
        <v>351865</v>
      </c>
      <c r="P18" s="146">
        <v>25</v>
      </c>
      <c r="Q18" s="145">
        <v>3.02</v>
      </c>
    </row>
    <row r="19" spans="1:17" ht="19.5" customHeight="1" x14ac:dyDescent="0.15">
      <c r="A19" s="151">
        <v>14</v>
      </c>
      <c r="B19" s="348" t="s">
        <v>30</v>
      </c>
      <c r="C19" s="349">
        <v>310130</v>
      </c>
      <c r="D19" s="148">
        <v>30</v>
      </c>
      <c r="E19" s="149">
        <v>6.98</v>
      </c>
      <c r="F19" s="148">
        <v>320130</v>
      </c>
      <c r="G19" s="148">
        <v>28</v>
      </c>
      <c r="H19" s="149">
        <v>3.22</v>
      </c>
      <c r="I19" s="146">
        <v>324718</v>
      </c>
      <c r="J19" s="146">
        <v>31</v>
      </c>
      <c r="K19" s="147">
        <v>1.43</v>
      </c>
      <c r="L19" s="146">
        <v>332223</v>
      </c>
      <c r="M19" s="146">
        <v>31</v>
      </c>
      <c r="N19" s="147">
        <v>2.31</v>
      </c>
      <c r="O19" s="146">
        <v>342699</v>
      </c>
      <c r="P19" s="146">
        <v>31</v>
      </c>
      <c r="Q19" s="145">
        <v>3.15</v>
      </c>
    </row>
    <row r="20" spans="1:17" ht="19.5" customHeight="1" x14ac:dyDescent="0.15">
      <c r="A20" s="151">
        <v>15</v>
      </c>
      <c r="B20" s="348" t="s">
        <v>31</v>
      </c>
      <c r="C20" s="349">
        <v>341404</v>
      </c>
      <c r="D20" s="148">
        <v>14</v>
      </c>
      <c r="E20" s="149">
        <v>6.17</v>
      </c>
      <c r="F20" s="148">
        <v>345892</v>
      </c>
      <c r="G20" s="148">
        <v>14</v>
      </c>
      <c r="H20" s="149">
        <v>1.31</v>
      </c>
      <c r="I20" s="146">
        <v>353027</v>
      </c>
      <c r="J20" s="146">
        <v>16</v>
      </c>
      <c r="K20" s="147">
        <v>2.06</v>
      </c>
      <c r="L20" s="146">
        <v>366687</v>
      </c>
      <c r="M20" s="146">
        <v>10</v>
      </c>
      <c r="N20" s="147">
        <v>3.87</v>
      </c>
      <c r="O20" s="146">
        <v>372100</v>
      </c>
      <c r="P20" s="146">
        <v>13</v>
      </c>
      <c r="Q20" s="145">
        <v>1.48</v>
      </c>
    </row>
    <row r="21" spans="1:17" ht="19.5" customHeight="1" x14ac:dyDescent="0.15">
      <c r="A21" s="151">
        <v>16</v>
      </c>
      <c r="B21" s="348" t="s">
        <v>32</v>
      </c>
      <c r="C21" s="349">
        <v>307788</v>
      </c>
      <c r="D21" s="148">
        <v>31</v>
      </c>
      <c r="E21" s="149">
        <v>6.01</v>
      </c>
      <c r="F21" s="148">
        <v>314926</v>
      </c>
      <c r="G21" s="148">
        <v>31</v>
      </c>
      <c r="H21" s="149">
        <v>2.3199999999999998</v>
      </c>
      <c r="I21" s="146">
        <v>334936</v>
      </c>
      <c r="J21" s="146">
        <v>25</v>
      </c>
      <c r="K21" s="147">
        <v>6.35</v>
      </c>
      <c r="L21" s="146">
        <v>334550</v>
      </c>
      <c r="M21" s="146">
        <v>30</v>
      </c>
      <c r="N21" s="147">
        <v>-0.12</v>
      </c>
      <c r="O21" s="146">
        <v>349561</v>
      </c>
      <c r="P21" s="146">
        <v>29</v>
      </c>
      <c r="Q21" s="145">
        <v>4.49</v>
      </c>
    </row>
    <row r="22" spans="1:17" ht="19.5" customHeight="1" x14ac:dyDescent="0.15">
      <c r="A22" s="151">
        <v>17</v>
      </c>
      <c r="B22" s="348" t="s">
        <v>33</v>
      </c>
      <c r="C22" s="349">
        <v>316678</v>
      </c>
      <c r="D22" s="148">
        <v>28</v>
      </c>
      <c r="E22" s="149">
        <v>6.25</v>
      </c>
      <c r="F22" s="148">
        <v>317978</v>
      </c>
      <c r="G22" s="148">
        <v>29</v>
      </c>
      <c r="H22" s="149">
        <v>0.41</v>
      </c>
      <c r="I22" s="146">
        <v>329371</v>
      </c>
      <c r="J22" s="146">
        <v>30</v>
      </c>
      <c r="K22" s="147">
        <v>3.58</v>
      </c>
      <c r="L22" s="146">
        <v>341917</v>
      </c>
      <c r="M22" s="146">
        <v>24</v>
      </c>
      <c r="N22" s="147">
        <v>3.81</v>
      </c>
      <c r="O22" s="146">
        <v>348467</v>
      </c>
      <c r="P22" s="146">
        <v>30</v>
      </c>
      <c r="Q22" s="145">
        <v>1.92</v>
      </c>
    </row>
    <row r="23" spans="1:17" ht="19.5" customHeight="1" x14ac:dyDescent="0.15">
      <c r="A23" s="151">
        <v>18</v>
      </c>
      <c r="B23" s="348" t="s">
        <v>34</v>
      </c>
      <c r="C23" s="349">
        <v>350948</v>
      </c>
      <c r="D23" s="148">
        <v>10</v>
      </c>
      <c r="E23" s="149">
        <v>7.99</v>
      </c>
      <c r="F23" s="148">
        <v>357805</v>
      </c>
      <c r="G23" s="148">
        <v>8</v>
      </c>
      <c r="H23" s="149">
        <v>1.95</v>
      </c>
      <c r="I23" s="146">
        <v>382118</v>
      </c>
      <c r="J23" s="146">
        <v>5</v>
      </c>
      <c r="K23" s="147">
        <v>6.8</v>
      </c>
      <c r="L23" s="146">
        <v>367893</v>
      </c>
      <c r="M23" s="146">
        <v>9</v>
      </c>
      <c r="N23" s="147">
        <v>-3.72</v>
      </c>
      <c r="O23" s="146">
        <v>395852</v>
      </c>
      <c r="P23" s="146">
        <v>7</v>
      </c>
      <c r="Q23" s="145">
        <v>7.6</v>
      </c>
    </row>
    <row r="24" spans="1:17" ht="19.5" customHeight="1" x14ac:dyDescent="0.15">
      <c r="A24" s="151">
        <v>19</v>
      </c>
      <c r="B24" s="348" t="s">
        <v>35</v>
      </c>
      <c r="C24" s="349">
        <v>300929</v>
      </c>
      <c r="D24" s="148">
        <v>33</v>
      </c>
      <c r="E24" s="149">
        <v>3.6</v>
      </c>
      <c r="F24" s="148">
        <v>303623</v>
      </c>
      <c r="G24" s="148">
        <v>32</v>
      </c>
      <c r="H24" s="149">
        <v>0.9</v>
      </c>
      <c r="I24" s="146">
        <v>314402</v>
      </c>
      <c r="J24" s="146">
        <v>32</v>
      </c>
      <c r="K24" s="147">
        <v>3.55</v>
      </c>
      <c r="L24" s="146">
        <v>310547</v>
      </c>
      <c r="M24" s="146">
        <v>33</v>
      </c>
      <c r="N24" s="147">
        <v>-1.23</v>
      </c>
      <c r="O24" s="146">
        <v>329019</v>
      </c>
      <c r="P24" s="146">
        <v>33</v>
      </c>
      <c r="Q24" s="145">
        <v>5.95</v>
      </c>
    </row>
    <row r="25" spans="1:17" ht="19.5" customHeight="1" x14ac:dyDescent="0.15">
      <c r="A25" s="151">
        <v>20</v>
      </c>
      <c r="B25" s="348" t="s">
        <v>36</v>
      </c>
      <c r="C25" s="349">
        <v>348560</v>
      </c>
      <c r="D25" s="148">
        <v>11</v>
      </c>
      <c r="E25" s="149">
        <v>3.58</v>
      </c>
      <c r="F25" s="148">
        <v>343078</v>
      </c>
      <c r="G25" s="148">
        <v>16</v>
      </c>
      <c r="H25" s="149">
        <v>-1.57</v>
      </c>
      <c r="I25" s="146">
        <v>360456</v>
      </c>
      <c r="J25" s="146">
        <v>13</v>
      </c>
      <c r="K25" s="147">
        <v>5.07</v>
      </c>
      <c r="L25" s="146">
        <v>357606</v>
      </c>
      <c r="M25" s="146">
        <v>19</v>
      </c>
      <c r="N25" s="147">
        <v>-0.79</v>
      </c>
      <c r="O25" s="146">
        <v>357045</v>
      </c>
      <c r="P25" s="146">
        <v>21</v>
      </c>
      <c r="Q25" s="145">
        <v>-0.16</v>
      </c>
    </row>
    <row r="26" spans="1:17" ht="19.5" customHeight="1" x14ac:dyDescent="0.15">
      <c r="A26" s="151">
        <v>21</v>
      </c>
      <c r="B26" s="348" t="s">
        <v>37</v>
      </c>
      <c r="C26" s="349">
        <v>311408</v>
      </c>
      <c r="D26" s="148">
        <v>29</v>
      </c>
      <c r="E26" s="149">
        <v>2.4900000000000002</v>
      </c>
      <c r="F26" s="148">
        <v>317846</v>
      </c>
      <c r="G26" s="148">
        <v>30</v>
      </c>
      <c r="H26" s="149">
        <v>2.0699999999999998</v>
      </c>
      <c r="I26" s="146">
        <v>335926</v>
      </c>
      <c r="J26" s="146">
        <v>24</v>
      </c>
      <c r="K26" s="147">
        <v>5.69</v>
      </c>
      <c r="L26" s="146">
        <v>345090</v>
      </c>
      <c r="M26" s="146">
        <v>22</v>
      </c>
      <c r="N26" s="147">
        <v>2.73</v>
      </c>
      <c r="O26" s="146">
        <v>355184</v>
      </c>
      <c r="P26" s="146">
        <v>22</v>
      </c>
      <c r="Q26" s="145">
        <v>2.93</v>
      </c>
    </row>
    <row r="27" spans="1:17" ht="19.5" customHeight="1" x14ac:dyDescent="0.15">
      <c r="A27" s="151">
        <v>22</v>
      </c>
      <c r="B27" s="348" t="s">
        <v>38</v>
      </c>
      <c r="C27" s="349">
        <v>346826</v>
      </c>
      <c r="D27" s="148">
        <v>13</v>
      </c>
      <c r="E27" s="149">
        <v>2.56</v>
      </c>
      <c r="F27" s="148">
        <v>346643</v>
      </c>
      <c r="G27" s="148">
        <v>13</v>
      </c>
      <c r="H27" s="149">
        <v>-0.05</v>
      </c>
      <c r="I27" s="146">
        <v>355634</v>
      </c>
      <c r="J27" s="146">
        <v>14</v>
      </c>
      <c r="K27" s="147">
        <v>2.59</v>
      </c>
      <c r="L27" s="146">
        <v>376425</v>
      </c>
      <c r="M27" s="146">
        <v>7</v>
      </c>
      <c r="N27" s="147">
        <v>5.85</v>
      </c>
      <c r="O27" s="146">
        <v>381723</v>
      </c>
      <c r="P27" s="146">
        <v>9</v>
      </c>
      <c r="Q27" s="145">
        <v>1.41</v>
      </c>
    </row>
    <row r="28" spans="1:17" ht="19.5" customHeight="1" x14ac:dyDescent="0.15">
      <c r="A28" s="151">
        <v>23</v>
      </c>
      <c r="B28" s="348" t="s">
        <v>39</v>
      </c>
      <c r="C28" s="349">
        <v>360985</v>
      </c>
      <c r="D28" s="148">
        <v>5</v>
      </c>
      <c r="E28" s="149">
        <v>12.01</v>
      </c>
      <c r="F28" s="148">
        <v>359877</v>
      </c>
      <c r="G28" s="148">
        <v>7</v>
      </c>
      <c r="H28" s="149">
        <v>-0.31</v>
      </c>
      <c r="I28" s="146">
        <v>376282</v>
      </c>
      <c r="J28" s="146">
        <v>7</v>
      </c>
      <c r="K28" s="147">
        <v>4.5599999999999996</v>
      </c>
      <c r="L28" s="146">
        <v>359710</v>
      </c>
      <c r="M28" s="146">
        <v>15</v>
      </c>
      <c r="N28" s="147">
        <v>-4.4000000000000004</v>
      </c>
      <c r="O28" s="146">
        <v>370452</v>
      </c>
      <c r="P28" s="146">
        <v>15</v>
      </c>
      <c r="Q28" s="145">
        <v>2.99</v>
      </c>
    </row>
    <row r="29" spans="1:17" ht="19.5" customHeight="1" x14ac:dyDescent="0.15">
      <c r="A29" s="151">
        <v>24</v>
      </c>
      <c r="B29" s="348" t="s">
        <v>40</v>
      </c>
      <c r="C29" s="349">
        <v>341089</v>
      </c>
      <c r="D29" s="148">
        <v>15</v>
      </c>
      <c r="E29" s="149">
        <v>1.75</v>
      </c>
      <c r="F29" s="148">
        <v>345035</v>
      </c>
      <c r="G29" s="148">
        <v>15</v>
      </c>
      <c r="H29" s="149">
        <v>1.1599999999999999</v>
      </c>
      <c r="I29" s="146">
        <v>382804</v>
      </c>
      <c r="J29" s="146">
        <v>4</v>
      </c>
      <c r="K29" s="147">
        <v>10.95</v>
      </c>
      <c r="L29" s="146">
        <v>360347</v>
      </c>
      <c r="M29" s="146">
        <v>13</v>
      </c>
      <c r="N29" s="147">
        <v>-5.87</v>
      </c>
      <c r="O29" s="146">
        <v>399533</v>
      </c>
      <c r="P29" s="146">
        <v>6</v>
      </c>
      <c r="Q29" s="145">
        <v>10.87</v>
      </c>
    </row>
    <row r="30" spans="1:17" ht="19.5" customHeight="1" x14ac:dyDescent="0.15">
      <c r="A30" s="151">
        <v>25</v>
      </c>
      <c r="B30" s="348" t="s">
        <v>41</v>
      </c>
      <c r="C30" s="349">
        <v>301606</v>
      </c>
      <c r="D30" s="148">
        <v>32</v>
      </c>
      <c r="E30" s="149">
        <v>-1.49</v>
      </c>
      <c r="F30" s="148">
        <v>295246</v>
      </c>
      <c r="G30" s="148">
        <v>33</v>
      </c>
      <c r="H30" s="149">
        <v>-2.11</v>
      </c>
      <c r="I30" s="146">
        <v>306454</v>
      </c>
      <c r="J30" s="146">
        <v>33</v>
      </c>
      <c r="K30" s="147">
        <v>3.8</v>
      </c>
      <c r="L30" s="146">
        <v>315170</v>
      </c>
      <c r="M30" s="146">
        <v>32</v>
      </c>
      <c r="N30" s="147">
        <v>2.84</v>
      </c>
      <c r="O30" s="146">
        <v>333819</v>
      </c>
      <c r="P30" s="146">
        <v>32</v>
      </c>
      <c r="Q30" s="145">
        <v>5.92</v>
      </c>
    </row>
    <row r="31" spans="1:17" ht="19.5" customHeight="1" x14ac:dyDescent="0.15">
      <c r="A31" s="151">
        <v>26</v>
      </c>
      <c r="B31" s="348" t="s">
        <v>42</v>
      </c>
      <c r="C31" s="349">
        <v>380489</v>
      </c>
      <c r="D31" s="148">
        <v>3</v>
      </c>
      <c r="E31" s="149">
        <v>12.87</v>
      </c>
      <c r="F31" s="148">
        <v>389494</v>
      </c>
      <c r="G31" s="148">
        <v>2</v>
      </c>
      <c r="H31" s="149">
        <v>2.37</v>
      </c>
      <c r="I31" s="146">
        <v>406850</v>
      </c>
      <c r="J31" s="146">
        <v>2</v>
      </c>
      <c r="K31" s="147">
        <v>4.46</v>
      </c>
      <c r="L31" s="146">
        <v>422534</v>
      </c>
      <c r="M31" s="146">
        <v>3</v>
      </c>
      <c r="N31" s="147">
        <v>3.85</v>
      </c>
      <c r="O31" s="146">
        <v>405542</v>
      </c>
      <c r="P31" s="146">
        <v>4</v>
      </c>
      <c r="Q31" s="145">
        <v>-4.0199999999999996</v>
      </c>
    </row>
    <row r="32" spans="1:17" ht="19.5" customHeight="1" x14ac:dyDescent="0.15">
      <c r="A32" s="151">
        <v>27</v>
      </c>
      <c r="B32" s="348" t="s">
        <v>43</v>
      </c>
      <c r="C32" s="349">
        <v>382462</v>
      </c>
      <c r="D32" s="148">
        <v>2</v>
      </c>
      <c r="E32" s="149">
        <v>6.27</v>
      </c>
      <c r="F32" s="148">
        <v>420046</v>
      </c>
      <c r="G32" s="148">
        <v>1</v>
      </c>
      <c r="H32" s="149">
        <v>9.83</v>
      </c>
      <c r="I32" s="146">
        <v>407901</v>
      </c>
      <c r="J32" s="146">
        <v>1</v>
      </c>
      <c r="K32" s="147">
        <v>-2.89</v>
      </c>
      <c r="L32" s="146">
        <v>443302</v>
      </c>
      <c r="M32" s="146">
        <v>1</v>
      </c>
      <c r="N32" s="147">
        <v>8.68</v>
      </c>
      <c r="O32" s="146">
        <v>452935</v>
      </c>
      <c r="P32" s="146">
        <v>1</v>
      </c>
      <c r="Q32" s="145">
        <v>2.17</v>
      </c>
    </row>
    <row r="33" spans="1:17" ht="19.5" customHeight="1" x14ac:dyDescent="0.15">
      <c r="A33" s="151">
        <v>28</v>
      </c>
      <c r="B33" s="348" t="s">
        <v>44</v>
      </c>
      <c r="C33" s="349">
        <v>327192</v>
      </c>
      <c r="D33" s="148">
        <v>21</v>
      </c>
      <c r="E33" s="149">
        <v>2.65</v>
      </c>
      <c r="F33" s="148">
        <v>382646</v>
      </c>
      <c r="G33" s="148">
        <v>4</v>
      </c>
      <c r="H33" s="149">
        <v>16.95</v>
      </c>
      <c r="I33" s="146">
        <v>399533</v>
      </c>
      <c r="J33" s="146">
        <v>3</v>
      </c>
      <c r="K33" s="147">
        <v>4.41</v>
      </c>
      <c r="L33" s="146">
        <v>392364</v>
      </c>
      <c r="M33" s="146">
        <v>4</v>
      </c>
      <c r="N33" s="147">
        <v>-1.79</v>
      </c>
      <c r="O33" s="146">
        <v>408134</v>
      </c>
      <c r="P33" s="146">
        <v>3</v>
      </c>
      <c r="Q33" s="145">
        <v>4.0199999999999996</v>
      </c>
    </row>
    <row r="34" spans="1:17" ht="19.5" customHeight="1" x14ac:dyDescent="0.15">
      <c r="A34" s="151">
        <v>29</v>
      </c>
      <c r="B34" s="348" t="s">
        <v>45</v>
      </c>
      <c r="C34" s="349">
        <v>377965</v>
      </c>
      <c r="D34" s="148">
        <v>4</v>
      </c>
      <c r="E34" s="149">
        <v>16.100000000000001</v>
      </c>
      <c r="F34" s="148">
        <v>352259</v>
      </c>
      <c r="G34" s="148">
        <v>11</v>
      </c>
      <c r="H34" s="149">
        <v>-6.8</v>
      </c>
      <c r="I34" s="146">
        <v>365536</v>
      </c>
      <c r="J34" s="146">
        <v>12</v>
      </c>
      <c r="K34" s="147">
        <v>3.77</v>
      </c>
      <c r="L34" s="146">
        <v>359530</v>
      </c>
      <c r="M34" s="146">
        <v>16</v>
      </c>
      <c r="N34" s="147">
        <v>-1.64</v>
      </c>
      <c r="O34" s="146">
        <v>366367</v>
      </c>
      <c r="P34" s="146">
        <v>17</v>
      </c>
      <c r="Q34" s="145">
        <v>1.9</v>
      </c>
    </row>
    <row r="35" spans="1:17" ht="19.5" customHeight="1" x14ac:dyDescent="0.15">
      <c r="A35" s="151">
        <v>30</v>
      </c>
      <c r="B35" s="348" t="s">
        <v>46</v>
      </c>
      <c r="C35" s="349">
        <v>385198</v>
      </c>
      <c r="D35" s="148">
        <v>1</v>
      </c>
      <c r="E35" s="149">
        <v>12.21</v>
      </c>
      <c r="F35" s="148">
        <v>388489</v>
      </c>
      <c r="G35" s="148">
        <v>3</v>
      </c>
      <c r="H35" s="149">
        <v>0.85</v>
      </c>
      <c r="I35" s="146">
        <v>375169</v>
      </c>
      <c r="J35" s="146">
        <v>8</v>
      </c>
      <c r="K35" s="147">
        <v>-3.43</v>
      </c>
      <c r="L35" s="146">
        <v>425027</v>
      </c>
      <c r="M35" s="146">
        <v>2</v>
      </c>
      <c r="N35" s="147">
        <v>13.29</v>
      </c>
      <c r="O35" s="146">
        <v>422771</v>
      </c>
      <c r="P35" s="146">
        <v>2</v>
      </c>
      <c r="Q35" s="145">
        <v>-0.53</v>
      </c>
    </row>
    <row r="36" spans="1:17" ht="19.5" customHeight="1" x14ac:dyDescent="0.15">
      <c r="A36" s="151">
        <v>31</v>
      </c>
      <c r="B36" s="348" t="s">
        <v>47</v>
      </c>
      <c r="C36" s="349">
        <v>337120</v>
      </c>
      <c r="D36" s="148">
        <v>18</v>
      </c>
      <c r="E36" s="149">
        <v>5.29</v>
      </c>
      <c r="F36" s="148">
        <v>351934</v>
      </c>
      <c r="G36" s="148">
        <v>12</v>
      </c>
      <c r="H36" s="149">
        <v>4.3899999999999997</v>
      </c>
      <c r="I36" s="146">
        <v>366982</v>
      </c>
      <c r="J36" s="146">
        <v>10</v>
      </c>
      <c r="K36" s="147">
        <v>4.28</v>
      </c>
      <c r="L36" s="146">
        <v>355354</v>
      </c>
      <c r="M36" s="146">
        <v>20</v>
      </c>
      <c r="N36" s="147">
        <v>-3.17</v>
      </c>
      <c r="O36" s="146">
        <v>380440</v>
      </c>
      <c r="P36" s="146">
        <v>10</v>
      </c>
      <c r="Q36" s="145">
        <v>7.06</v>
      </c>
    </row>
    <row r="37" spans="1:17" ht="19.5" customHeight="1" x14ac:dyDescent="0.15">
      <c r="A37" s="151">
        <v>32</v>
      </c>
      <c r="B37" s="348" t="s">
        <v>48</v>
      </c>
      <c r="C37" s="349">
        <v>340532</v>
      </c>
      <c r="D37" s="148">
        <v>16</v>
      </c>
      <c r="E37" s="149">
        <v>8.86</v>
      </c>
      <c r="F37" s="148">
        <v>342557</v>
      </c>
      <c r="G37" s="148">
        <v>17</v>
      </c>
      <c r="H37" s="149">
        <v>0.59</v>
      </c>
      <c r="I37" s="146">
        <v>344821</v>
      </c>
      <c r="J37" s="146">
        <v>20</v>
      </c>
      <c r="K37" s="147">
        <v>0.66</v>
      </c>
      <c r="L37" s="146">
        <v>361014</v>
      </c>
      <c r="M37" s="146">
        <v>12</v>
      </c>
      <c r="N37" s="147">
        <v>4.7</v>
      </c>
      <c r="O37" s="146">
        <v>378557</v>
      </c>
      <c r="P37" s="146">
        <v>11</v>
      </c>
      <c r="Q37" s="145">
        <v>4.8600000000000003</v>
      </c>
    </row>
    <row r="38" spans="1:17" ht="19.5" customHeight="1" thickBot="1" x14ac:dyDescent="0.2">
      <c r="A38" s="144">
        <v>33</v>
      </c>
      <c r="B38" s="350" t="s">
        <v>49</v>
      </c>
      <c r="C38" s="351">
        <v>356068</v>
      </c>
      <c r="D38" s="141">
        <v>8</v>
      </c>
      <c r="E38" s="142">
        <v>-0.83</v>
      </c>
      <c r="F38" s="141">
        <v>366083</v>
      </c>
      <c r="G38" s="141">
        <v>5</v>
      </c>
      <c r="H38" s="142">
        <v>2.81</v>
      </c>
      <c r="I38" s="138">
        <v>351362</v>
      </c>
      <c r="J38" s="138">
        <v>18</v>
      </c>
      <c r="K38" s="140">
        <v>-4.0199999999999996</v>
      </c>
      <c r="L38" s="138">
        <v>373972</v>
      </c>
      <c r="M38" s="138">
        <v>8</v>
      </c>
      <c r="N38" s="140">
        <v>6.43</v>
      </c>
      <c r="O38" s="138">
        <v>363758</v>
      </c>
      <c r="P38" s="138">
        <v>19</v>
      </c>
      <c r="Q38" s="137">
        <v>-2.73</v>
      </c>
    </row>
    <row r="39" spans="1:17" ht="19.5" hidden="1" customHeight="1" thickTop="1" x14ac:dyDescent="0.15">
      <c r="A39" s="165">
        <v>34</v>
      </c>
      <c r="B39" s="352" t="s">
        <v>118</v>
      </c>
      <c r="C39" s="358"/>
      <c r="D39" s="163"/>
      <c r="E39" s="180"/>
      <c r="F39" s="163" t="s">
        <v>81</v>
      </c>
      <c r="G39" s="163" t="s">
        <v>81</v>
      </c>
      <c r="H39" s="180" t="e">
        <v>#VALUE!</v>
      </c>
      <c r="I39" s="131" t="s">
        <v>81</v>
      </c>
      <c r="J39" s="131" t="s">
        <v>81</v>
      </c>
      <c r="K39" s="127" t="e">
        <v>#VALUE!</v>
      </c>
      <c r="L39" s="131" t="s">
        <v>81</v>
      </c>
      <c r="M39" s="131" t="s">
        <v>81</v>
      </c>
      <c r="N39" s="127" t="e">
        <v>#VALUE!</v>
      </c>
      <c r="O39" s="134" t="s">
        <v>138</v>
      </c>
      <c r="P39" s="134" t="s">
        <v>138</v>
      </c>
      <c r="Q39" s="124" t="e">
        <v>#VALUE!</v>
      </c>
    </row>
    <row r="40" spans="1:17" ht="19.5" hidden="1" customHeight="1" x14ac:dyDescent="0.15">
      <c r="A40" s="165">
        <v>35</v>
      </c>
      <c r="B40" s="352" t="s">
        <v>117</v>
      </c>
      <c r="C40" s="358"/>
      <c r="D40" s="163"/>
      <c r="E40" s="180"/>
      <c r="F40" s="163" t="s">
        <v>81</v>
      </c>
      <c r="G40" s="163" t="s">
        <v>81</v>
      </c>
      <c r="H40" s="180" t="e">
        <v>#VALUE!</v>
      </c>
      <c r="I40" s="131" t="s">
        <v>81</v>
      </c>
      <c r="J40" s="131" t="s">
        <v>81</v>
      </c>
      <c r="K40" s="127" t="e">
        <v>#VALUE!</v>
      </c>
      <c r="L40" s="131" t="s">
        <v>81</v>
      </c>
      <c r="M40" s="131" t="s">
        <v>81</v>
      </c>
      <c r="N40" s="127" t="e">
        <v>#VALUE!</v>
      </c>
      <c r="O40" s="134" t="s">
        <v>138</v>
      </c>
      <c r="P40" s="134" t="s">
        <v>138</v>
      </c>
      <c r="Q40" s="124" t="e">
        <v>#VALUE!</v>
      </c>
    </row>
    <row r="41" spans="1:17" ht="19.5" hidden="1" customHeight="1" x14ac:dyDescent="0.15">
      <c r="A41" s="165">
        <v>36</v>
      </c>
      <c r="B41" s="352" t="s">
        <v>116</v>
      </c>
      <c r="C41" s="358"/>
      <c r="D41" s="163"/>
      <c r="E41" s="180"/>
      <c r="F41" s="163" t="s">
        <v>81</v>
      </c>
      <c r="G41" s="163" t="s">
        <v>81</v>
      </c>
      <c r="H41" s="180" t="e">
        <v>#VALUE!</v>
      </c>
      <c r="I41" s="131" t="s">
        <v>81</v>
      </c>
      <c r="J41" s="131" t="s">
        <v>81</v>
      </c>
      <c r="K41" s="127" t="e">
        <v>#VALUE!</v>
      </c>
      <c r="L41" s="131" t="s">
        <v>81</v>
      </c>
      <c r="M41" s="131" t="s">
        <v>81</v>
      </c>
      <c r="N41" s="127" t="e">
        <v>#VALUE!</v>
      </c>
      <c r="O41" s="134" t="s">
        <v>138</v>
      </c>
      <c r="P41" s="134" t="s">
        <v>138</v>
      </c>
      <c r="Q41" s="124" t="e">
        <v>#VALUE!</v>
      </c>
    </row>
    <row r="42" spans="1:17" ht="19.5" hidden="1" customHeight="1" thickBot="1" x14ac:dyDescent="0.2">
      <c r="A42" s="165">
        <v>37</v>
      </c>
      <c r="B42" s="352" t="s">
        <v>115</v>
      </c>
      <c r="C42" s="358"/>
      <c r="D42" s="163"/>
      <c r="E42" s="180"/>
      <c r="F42" s="163" t="s">
        <v>81</v>
      </c>
      <c r="G42" s="163" t="s">
        <v>81</v>
      </c>
      <c r="H42" s="180" t="e">
        <v>#VALUE!</v>
      </c>
      <c r="I42" s="131" t="s">
        <v>81</v>
      </c>
      <c r="J42" s="131" t="s">
        <v>81</v>
      </c>
      <c r="K42" s="127" t="e">
        <v>#VALUE!</v>
      </c>
      <c r="L42" s="131" t="s">
        <v>81</v>
      </c>
      <c r="M42" s="131" t="s">
        <v>81</v>
      </c>
      <c r="N42" s="127" t="e">
        <v>#VALUE!</v>
      </c>
      <c r="O42" s="134" t="s">
        <v>138</v>
      </c>
      <c r="P42" s="134" t="s">
        <v>138</v>
      </c>
      <c r="Q42" s="124" t="e">
        <v>#VALUE!</v>
      </c>
    </row>
    <row r="43" spans="1:17" ht="19.5" customHeight="1" thickTop="1" x14ac:dyDescent="0.15">
      <c r="A43" s="158">
        <v>301</v>
      </c>
      <c r="B43" s="354" t="s">
        <v>114</v>
      </c>
      <c r="C43" s="355">
        <v>180948</v>
      </c>
      <c r="D43" s="156">
        <v>5</v>
      </c>
      <c r="E43" s="157">
        <v>6.71</v>
      </c>
      <c r="F43" s="156">
        <v>184745</v>
      </c>
      <c r="G43" s="156">
        <v>5</v>
      </c>
      <c r="H43" s="157">
        <v>2.1</v>
      </c>
      <c r="I43" s="153">
        <v>195328</v>
      </c>
      <c r="J43" s="153">
        <v>3</v>
      </c>
      <c r="K43" s="155">
        <v>5.73</v>
      </c>
      <c r="L43" s="153">
        <v>204777</v>
      </c>
      <c r="M43" s="153">
        <v>2</v>
      </c>
      <c r="N43" s="155">
        <v>4.84</v>
      </c>
      <c r="O43" s="153">
        <v>212763</v>
      </c>
      <c r="P43" s="153">
        <v>2</v>
      </c>
      <c r="Q43" s="152">
        <v>3.9</v>
      </c>
    </row>
    <row r="44" spans="1:17" ht="19.5" customHeight="1" x14ac:dyDescent="0.15">
      <c r="A44" s="151">
        <v>302</v>
      </c>
      <c r="B44" s="348" t="s">
        <v>113</v>
      </c>
      <c r="C44" s="349">
        <v>167488</v>
      </c>
      <c r="D44" s="148">
        <v>6</v>
      </c>
      <c r="E44" s="149">
        <v>5.63</v>
      </c>
      <c r="F44" s="148">
        <v>158702</v>
      </c>
      <c r="G44" s="148">
        <v>6</v>
      </c>
      <c r="H44" s="149">
        <v>-5.25</v>
      </c>
      <c r="I44" s="146">
        <v>163665</v>
      </c>
      <c r="J44" s="146">
        <v>6</v>
      </c>
      <c r="K44" s="147">
        <v>3.13</v>
      </c>
      <c r="L44" s="146">
        <v>204777</v>
      </c>
      <c r="M44" s="146">
        <v>2</v>
      </c>
      <c r="N44" s="147">
        <v>25.12</v>
      </c>
      <c r="O44" s="146">
        <v>212763</v>
      </c>
      <c r="P44" s="146">
        <v>2</v>
      </c>
      <c r="Q44" s="145">
        <v>3.9</v>
      </c>
    </row>
    <row r="45" spans="1:17" ht="19.5" customHeight="1" x14ac:dyDescent="0.15">
      <c r="A45" s="151">
        <v>303</v>
      </c>
      <c r="B45" s="348" t="s">
        <v>112</v>
      </c>
      <c r="C45" s="349">
        <v>256448</v>
      </c>
      <c r="D45" s="148">
        <v>1</v>
      </c>
      <c r="E45" s="149">
        <v>6.71</v>
      </c>
      <c r="F45" s="148">
        <v>242798</v>
      </c>
      <c r="G45" s="148">
        <v>1</v>
      </c>
      <c r="H45" s="149">
        <v>-5.32</v>
      </c>
      <c r="I45" s="146">
        <v>242506</v>
      </c>
      <c r="J45" s="146">
        <v>1</v>
      </c>
      <c r="K45" s="147">
        <v>-0.12</v>
      </c>
      <c r="L45" s="146">
        <v>168352</v>
      </c>
      <c r="M45" s="146">
        <v>6</v>
      </c>
      <c r="N45" s="147">
        <v>-30.58</v>
      </c>
      <c r="O45" s="146">
        <v>171686</v>
      </c>
      <c r="P45" s="146">
        <v>6</v>
      </c>
      <c r="Q45" s="145">
        <v>1.98</v>
      </c>
    </row>
    <row r="46" spans="1:17" ht="19.5" customHeight="1" x14ac:dyDescent="0.15">
      <c r="A46" s="151">
        <v>304</v>
      </c>
      <c r="B46" s="348" t="s">
        <v>111</v>
      </c>
      <c r="C46" s="349">
        <v>191942</v>
      </c>
      <c r="D46" s="148">
        <v>4</v>
      </c>
      <c r="E46" s="149">
        <v>-3.05</v>
      </c>
      <c r="F46" s="148">
        <v>190350</v>
      </c>
      <c r="G46" s="148">
        <v>4</v>
      </c>
      <c r="H46" s="149">
        <v>-0.83</v>
      </c>
      <c r="I46" s="146">
        <v>187551</v>
      </c>
      <c r="J46" s="146">
        <v>5</v>
      </c>
      <c r="K46" s="147">
        <v>-1.47</v>
      </c>
      <c r="L46" s="146">
        <v>246561</v>
      </c>
      <c r="M46" s="146">
        <v>1</v>
      </c>
      <c r="N46" s="147">
        <v>31.46</v>
      </c>
      <c r="O46" s="146">
        <v>257090</v>
      </c>
      <c r="P46" s="146">
        <v>1</v>
      </c>
      <c r="Q46" s="145">
        <v>4.2699999999999996</v>
      </c>
    </row>
    <row r="47" spans="1:17" ht="19.5" customHeight="1" x14ac:dyDescent="0.15">
      <c r="A47" s="151">
        <v>305</v>
      </c>
      <c r="B47" s="348" t="s">
        <v>110</v>
      </c>
      <c r="C47" s="349">
        <v>199384</v>
      </c>
      <c r="D47" s="148">
        <v>3</v>
      </c>
      <c r="E47" s="149">
        <v>5</v>
      </c>
      <c r="F47" s="148">
        <v>191763</v>
      </c>
      <c r="G47" s="148">
        <v>3</v>
      </c>
      <c r="H47" s="149">
        <v>-3.82</v>
      </c>
      <c r="I47" s="146">
        <v>189146</v>
      </c>
      <c r="J47" s="146">
        <v>4</v>
      </c>
      <c r="K47" s="147">
        <v>-1.36</v>
      </c>
      <c r="L47" s="146">
        <v>182626</v>
      </c>
      <c r="M47" s="146">
        <v>5</v>
      </c>
      <c r="N47" s="147">
        <v>-3.45</v>
      </c>
      <c r="O47" s="146">
        <v>201062</v>
      </c>
      <c r="P47" s="146">
        <v>4</v>
      </c>
      <c r="Q47" s="145">
        <v>10.09</v>
      </c>
    </row>
    <row r="48" spans="1:17" ht="19.5" customHeight="1" thickBot="1" x14ac:dyDescent="0.2">
      <c r="A48" s="144">
        <v>306</v>
      </c>
      <c r="B48" s="350" t="s">
        <v>109</v>
      </c>
      <c r="C48" s="351">
        <v>204918</v>
      </c>
      <c r="D48" s="141">
        <v>2</v>
      </c>
      <c r="E48" s="142">
        <v>4.51</v>
      </c>
      <c r="F48" s="141">
        <v>201184</v>
      </c>
      <c r="G48" s="141">
        <v>2</v>
      </c>
      <c r="H48" s="142">
        <v>-1.82</v>
      </c>
      <c r="I48" s="138">
        <v>198497</v>
      </c>
      <c r="J48" s="138">
        <v>2</v>
      </c>
      <c r="K48" s="140">
        <v>-1.34</v>
      </c>
      <c r="L48" s="138">
        <v>191391</v>
      </c>
      <c r="M48" s="138">
        <v>4</v>
      </c>
      <c r="N48" s="140">
        <v>-3.58</v>
      </c>
      <c r="O48" s="138">
        <v>198808</v>
      </c>
      <c r="P48" s="138">
        <v>5</v>
      </c>
      <c r="Q48" s="137">
        <v>3.88</v>
      </c>
    </row>
    <row r="49" spans="1:17" ht="19.5" customHeight="1" thickTop="1" thickBot="1" x14ac:dyDescent="0.2">
      <c r="A49" s="417" t="s">
        <v>71</v>
      </c>
      <c r="B49" s="418"/>
      <c r="C49" s="356">
        <v>331220</v>
      </c>
      <c r="D49" s="129"/>
      <c r="E49" s="130">
        <v>5.61</v>
      </c>
      <c r="F49" s="129">
        <v>335239</v>
      </c>
      <c r="G49" s="129" t="s">
        <v>81</v>
      </c>
      <c r="H49" s="130">
        <v>1.21</v>
      </c>
      <c r="I49" s="131">
        <v>345823</v>
      </c>
      <c r="J49" s="131" t="s">
        <v>81</v>
      </c>
      <c r="K49" s="127">
        <v>3.16</v>
      </c>
      <c r="L49" s="131">
        <v>352876</v>
      </c>
      <c r="M49" s="131" t="s">
        <v>81</v>
      </c>
      <c r="N49" s="127">
        <v>2.04</v>
      </c>
      <c r="O49" s="131">
        <v>362626</v>
      </c>
      <c r="P49" s="134" t="s">
        <v>81</v>
      </c>
      <c r="Q49" s="124">
        <v>2.76</v>
      </c>
    </row>
    <row r="50" spans="1:17" ht="19.5" customHeight="1" thickTop="1" thickBot="1" x14ac:dyDescent="0.2">
      <c r="A50" s="417" t="s">
        <v>141</v>
      </c>
      <c r="B50" s="418"/>
      <c r="C50" s="356">
        <v>204583</v>
      </c>
      <c r="D50" s="129"/>
      <c r="E50" s="130">
        <v>4.8600000000000003</v>
      </c>
      <c r="F50" s="129">
        <v>199231</v>
      </c>
      <c r="G50" s="129" t="s">
        <v>81</v>
      </c>
      <c r="H50" s="130">
        <v>-2.62</v>
      </c>
      <c r="I50" s="131">
        <v>198483</v>
      </c>
      <c r="J50" s="131" t="s">
        <v>81</v>
      </c>
      <c r="K50" s="127">
        <v>-0.38</v>
      </c>
      <c r="L50" s="131">
        <v>199105</v>
      </c>
      <c r="M50" s="131" t="s">
        <v>81</v>
      </c>
      <c r="N50" s="127">
        <v>0.31</v>
      </c>
      <c r="O50" s="131">
        <v>204797</v>
      </c>
      <c r="P50" s="134" t="s">
        <v>81</v>
      </c>
      <c r="Q50" s="124">
        <v>2.86</v>
      </c>
    </row>
    <row r="51" spans="1:17" ht="19.5" customHeight="1" thickTop="1" thickBot="1" x14ac:dyDescent="0.2">
      <c r="A51" s="419" t="s">
        <v>159</v>
      </c>
      <c r="B51" s="420"/>
      <c r="C51" s="357">
        <v>322993</v>
      </c>
      <c r="D51" s="116"/>
      <c r="E51" s="117">
        <v>5.65</v>
      </c>
      <c r="F51" s="116">
        <v>326512</v>
      </c>
      <c r="G51" s="116" t="s">
        <v>81</v>
      </c>
      <c r="H51" s="117">
        <v>1.0900000000000001</v>
      </c>
      <c r="I51" s="118">
        <v>336110</v>
      </c>
      <c r="J51" s="118" t="s">
        <v>81</v>
      </c>
      <c r="K51" s="114">
        <v>2.94</v>
      </c>
      <c r="L51" s="118">
        <v>342601</v>
      </c>
      <c r="M51" s="118" t="s">
        <v>81</v>
      </c>
      <c r="N51" s="114">
        <v>1.93</v>
      </c>
      <c r="O51" s="118">
        <v>351861</v>
      </c>
      <c r="P51" s="121" t="s">
        <v>81</v>
      </c>
      <c r="Q51" s="111">
        <v>2.7</v>
      </c>
    </row>
  </sheetData>
  <mergeCells count="9">
    <mergeCell ref="L3:N3"/>
    <mergeCell ref="O3:Q3"/>
    <mergeCell ref="A49:B49"/>
    <mergeCell ref="A50:B50"/>
    <mergeCell ref="A51:B51"/>
    <mergeCell ref="C3:E3"/>
    <mergeCell ref="F3:H3"/>
    <mergeCell ref="I3:K3"/>
    <mergeCell ref="A3:B5"/>
  </mergeCells>
  <phoneticPr fontId="2"/>
  <printOptions horizontalCentered="1" gridLinesSet="0"/>
  <pageMargins left="0.59055118110236227" right="0.59055118110236227" top="0.59055118110236227" bottom="0.59055118110236227" header="0.23622047244094491" footer="0.19685039370078741"/>
  <pageSetup paperSize="9" scale="87" orientation="portrait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AY51"/>
  <sheetViews>
    <sheetView zoomScaleNormal="100" zoomScaleSheetLayoutView="100" workbookViewId="0"/>
  </sheetViews>
  <sheetFormatPr defaultColWidth="9" defaultRowHeight="10.8" x14ac:dyDescent="0.15"/>
  <cols>
    <col min="1" max="1" width="3.6640625" style="109" customWidth="1"/>
    <col min="2" max="2" width="9.88671875" style="345" customWidth="1"/>
    <col min="3" max="3" width="8.109375" style="345" customWidth="1"/>
    <col min="4" max="4" width="3.109375" style="345" customWidth="1"/>
    <col min="5" max="5" width="6.109375" style="345" customWidth="1"/>
    <col min="6" max="6" width="8.109375" style="109" customWidth="1"/>
    <col min="7" max="7" width="3.109375" style="109" customWidth="1"/>
    <col min="8" max="8" width="6.109375" style="109" customWidth="1"/>
    <col min="9" max="9" width="8.109375" style="109" customWidth="1"/>
    <col min="10" max="10" width="3.109375" style="109" customWidth="1"/>
    <col min="11" max="11" width="6.109375" style="109" customWidth="1"/>
    <col min="12" max="12" width="8.109375" style="109" customWidth="1"/>
    <col min="13" max="13" width="3.109375" style="109" customWidth="1"/>
    <col min="14" max="14" width="7" style="109" bestFit="1" customWidth="1"/>
    <col min="15" max="15" width="8.109375" style="109" customWidth="1"/>
    <col min="16" max="16" width="3.109375" style="109" customWidth="1"/>
    <col min="17" max="17" width="7" style="109" bestFit="1" customWidth="1"/>
    <col min="18" max="16384" width="9" style="109"/>
  </cols>
  <sheetData>
    <row r="1" spans="1:17" ht="16.5" customHeight="1" x14ac:dyDescent="0.2">
      <c r="A1" s="179" t="s">
        <v>146</v>
      </c>
      <c r="O1" s="211"/>
    </row>
    <row r="2" spans="1:17" ht="11.1" customHeight="1" thickBot="1" x14ac:dyDescent="0.2">
      <c r="O2" s="184"/>
    </row>
    <row r="3" spans="1:17" s="210" customFormat="1" ht="15" customHeight="1" x14ac:dyDescent="0.2">
      <c r="A3" s="422" t="s">
        <v>3</v>
      </c>
      <c r="B3" s="423"/>
      <c r="C3" s="430" t="s">
        <v>145</v>
      </c>
      <c r="D3" s="431"/>
      <c r="E3" s="431"/>
      <c r="F3" s="427" t="s">
        <v>160</v>
      </c>
      <c r="G3" s="421"/>
      <c r="H3" s="421"/>
      <c r="I3" s="427" t="s">
        <v>161</v>
      </c>
      <c r="J3" s="421"/>
      <c r="K3" s="421"/>
      <c r="L3" s="415" t="s">
        <v>162</v>
      </c>
      <c r="M3" s="421"/>
      <c r="N3" s="429"/>
      <c r="O3" s="415" t="s">
        <v>128</v>
      </c>
      <c r="P3" s="421"/>
      <c r="Q3" s="426"/>
    </row>
    <row r="4" spans="1:17" ht="12.75" customHeight="1" x14ac:dyDescent="0.15">
      <c r="A4" s="424"/>
      <c r="B4" s="425"/>
      <c r="C4" s="346" t="s">
        <v>125</v>
      </c>
      <c r="D4" s="174" t="s">
        <v>124</v>
      </c>
      <c r="E4" s="346" t="s">
        <v>143</v>
      </c>
      <c r="F4" s="177" t="s">
        <v>125</v>
      </c>
      <c r="G4" s="174" t="s">
        <v>124</v>
      </c>
      <c r="H4" s="176" t="s">
        <v>163</v>
      </c>
      <c r="I4" s="177" t="s">
        <v>125</v>
      </c>
      <c r="J4" s="174" t="s">
        <v>124</v>
      </c>
      <c r="K4" s="177" t="s">
        <v>126</v>
      </c>
      <c r="L4" s="177" t="s">
        <v>125</v>
      </c>
      <c r="M4" s="174" t="s">
        <v>124</v>
      </c>
      <c r="N4" s="183" t="s">
        <v>142</v>
      </c>
      <c r="O4" s="177" t="s">
        <v>125</v>
      </c>
      <c r="P4" s="174" t="s">
        <v>124</v>
      </c>
      <c r="Q4" s="173" t="s">
        <v>123</v>
      </c>
    </row>
    <row r="5" spans="1:17" s="167" customFormat="1" ht="12.75" customHeight="1" x14ac:dyDescent="0.15">
      <c r="A5" s="424"/>
      <c r="B5" s="425"/>
      <c r="C5" s="359" t="s">
        <v>121</v>
      </c>
      <c r="D5" s="169" t="s">
        <v>120</v>
      </c>
      <c r="E5" s="359" t="s">
        <v>122</v>
      </c>
      <c r="F5" s="170" t="s">
        <v>121</v>
      </c>
      <c r="G5" s="169" t="s">
        <v>120</v>
      </c>
      <c r="H5" s="170" t="s">
        <v>122</v>
      </c>
      <c r="I5" s="170" t="s">
        <v>121</v>
      </c>
      <c r="J5" s="169" t="s">
        <v>120</v>
      </c>
      <c r="K5" s="170" t="s">
        <v>122</v>
      </c>
      <c r="L5" s="170" t="s">
        <v>121</v>
      </c>
      <c r="M5" s="169" t="s">
        <v>120</v>
      </c>
      <c r="N5" s="182" t="s">
        <v>122</v>
      </c>
      <c r="O5" s="170" t="s">
        <v>121</v>
      </c>
      <c r="P5" s="169" t="s">
        <v>120</v>
      </c>
      <c r="Q5" s="181" t="s">
        <v>122</v>
      </c>
    </row>
    <row r="6" spans="1:17" ht="19.5" customHeight="1" x14ac:dyDescent="0.15">
      <c r="A6" s="166">
        <v>1</v>
      </c>
      <c r="B6" s="348" t="s">
        <v>17</v>
      </c>
      <c r="C6" s="360">
        <v>427705</v>
      </c>
      <c r="D6" s="360">
        <v>9</v>
      </c>
      <c r="E6" s="369">
        <v>5.24</v>
      </c>
      <c r="F6" s="150">
        <v>422524</v>
      </c>
      <c r="G6" s="150">
        <v>8</v>
      </c>
      <c r="H6" s="149">
        <v>-1.21</v>
      </c>
      <c r="I6" s="146">
        <v>455124</v>
      </c>
      <c r="J6" s="146">
        <v>12</v>
      </c>
      <c r="K6" s="149">
        <v>7.72</v>
      </c>
      <c r="L6" s="146">
        <v>533987</v>
      </c>
      <c r="M6" s="146">
        <v>7</v>
      </c>
      <c r="N6" s="149">
        <v>17.329999999999998</v>
      </c>
      <c r="O6" s="146">
        <v>515748</v>
      </c>
      <c r="P6" s="146">
        <v>7</v>
      </c>
      <c r="Q6" s="145">
        <v>-3.42</v>
      </c>
    </row>
    <row r="7" spans="1:17" ht="19.5" customHeight="1" x14ac:dyDescent="0.15">
      <c r="A7" s="151">
        <v>2</v>
      </c>
      <c r="B7" s="348" t="s">
        <v>18</v>
      </c>
      <c r="C7" s="360">
        <v>460751</v>
      </c>
      <c r="D7" s="360">
        <v>6</v>
      </c>
      <c r="E7" s="369">
        <v>4.55</v>
      </c>
      <c r="F7" s="150">
        <v>473917</v>
      </c>
      <c r="G7" s="150">
        <v>2</v>
      </c>
      <c r="H7" s="149">
        <v>2.86</v>
      </c>
      <c r="I7" s="146">
        <v>519931</v>
      </c>
      <c r="J7" s="146">
        <v>5</v>
      </c>
      <c r="K7" s="149">
        <v>9.7100000000000009</v>
      </c>
      <c r="L7" s="146">
        <v>651304</v>
      </c>
      <c r="M7" s="146">
        <v>3</v>
      </c>
      <c r="N7" s="149">
        <v>25.27</v>
      </c>
      <c r="O7" s="146">
        <v>641283</v>
      </c>
      <c r="P7" s="146">
        <v>4</v>
      </c>
      <c r="Q7" s="145">
        <v>-1.54</v>
      </c>
    </row>
    <row r="8" spans="1:17" ht="19.5" customHeight="1" x14ac:dyDescent="0.15">
      <c r="A8" s="151">
        <v>3</v>
      </c>
      <c r="B8" s="348" t="s">
        <v>19</v>
      </c>
      <c r="C8" s="360">
        <v>438983</v>
      </c>
      <c r="D8" s="360">
        <v>7</v>
      </c>
      <c r="E8" s="369">
        <v>6.79</v>
      </c>
      <c r="F8" s="150">
        <v>411015</v>
      </c>
      <c r="G8" s="150">
        <v>10</v>
      </c>
      <c r="H8" s="149">
        <v>-6.37</v>
      </c>
      <c r="I8" s="146">
        <v>423636</v>
      </c>
      <c r="J8" s="146">
        <v>17</v>
      </c>
      <c r="K8" s="149">
        <v>3.07</v>
      </c>
      <c r="L8" s="146">
        <v>406493</v>
      </c>
      <c r="M8" s="146">
        <v>17</v>
      </c>
      <c r="N8" s="149">
        <v>-4.05</v>
      </c>
      <c r="O8" s="146">
        <v>471412</v>
      </c>
      <c r="P8" s="146">
        <v>12</v>
      </c>
      <c r="Q8" s="145">
        <v>15.97</v>
      </c>
    </row>
    <row r="9" spans="1:17" ht="19.5" customHeight="1" x14ac:dyDescent="0.15">
      <c r="A9" s="151">
        <v>4</v>
      </c>
      <c r="B9" s="348" t="s">
        <v>20</v>
      </c>
      <c r="C9" s="360">
        <v>430341</v>
      </c>
      <c r="D9" s="360">
        <v>8</v>
      </c>
      <c r="E9" s="369">
        <v>17.420000000000002</v>
      </c>
      <c r="F9" s="150">
        <v>403547</v>
      </c>
      <c r="G9" s="150">
        <v>13</v>
      </c>
      <c r="H9" s="149">
        <v>-6.23</v>
      </c>
      <c r="I9" s="146">
        <v>458529</v>
      </c>
      <c r="J9" s="146">
        <v>11</v>
      </c>
      <c r="K9" s="149">
        <v>13.62</v>
      </c>
      <c r="L9" s="146">
        <v>426111</v>
      </c>
      <c r="M9" s="146">
        <v>15</v>
      </c>
      <c r="N9" s="149">
        <v>-7.07</v>
      </c>
      <c r="O9" s="146">
        <v>564861</v>
      </c>
      <c r="P9" s="146">
        <v>5</v>
      </c>
      <c r="Q9" s="145">
        <v>32.56</v>
      </c>
    </row>
    <row r="10" spans="1:17" ht="19.5" customHeight="1" x14ac:dyDescent="0.15">
      <c r="A10" s="151">
        <v>5</v>
      </c>
      <c r="B10" s="348" t="s">
        <v>21</v>
      </c>
      <c r="C10" s="360">
        <v>384762</v>
      </c>
      <c r="D10" s="360">
        <v>20</v>
      </c>
      <c r="E10" s="369">
        <v>13.79</v>
      </c>
      <c r="F10" s="150">
        <v>400844</v>
      </c>
      <c r="G10" s="150">
        <v>14</v>
      </c>
      <c r="H10" s="149">
        <v>4.18</v>
      </c>
      <c r="I10" s="146">
        <v>462946</v>
      </c>
      <c r="J10" s="146">
        <v>8</v>
      </c>
      <c r="K10" s="149">
        <v>15.49</v>
      </c>
      <c r="L10" s="146">
        <v>540803</v>
      </c>
      <c r="M10" s="146">
        <v>6</v>
      </c>
      <c r="N10" s="149">
        <v>16.82</v>
      </c>
      <c r="O10" s="146">
        <v>514736</v>
      </c>
      <c r="P10" s="146">
        <v>8</v>
      </c>
      <c r="Q10" s="145">
        <v>-4.82</v>
      </c>
    </row>
    <row r="11" spans="1:17" ht="19.5" customHeight="1" x14ac:dyDescent="0.15">
      <c r="A11" s="151">
        <v>6</v>
      </c>
      <c r="B11" s="348" t="s">
        <v>22</v>
      </c>
      <c r="C11" s="360">
        <v>374290</v>
      </c>
      <c r="D11" s="360">
        <v>23</v>
      </c>
      <c r="E11" s="369">
        <v>4.21</v>
      </c>
      <c r="F11" s="150">
        <v>354361</v>
      </c>
      <c r="G11" s="150">
        <v>24</v>
      </c>
      <c r="H11" s="149">
        <v>-5.32</v>
      </c>
      <c r="I11" s="146">
        <v>347348</v>
      </c>
      <c r="J11" s="146">
        <v>28</v>
      </c>
      <c r="K11" s="149">
        <v>-1.98</v>
      </c>
      <c r="L11" s="146">
        <v>310956</v>
      </c>
      <c r="M11" s="146">
        <v>26</v>
      </c>
      <c r="N11" s="149">
        <v>-10.48</v>
      </c>
      <c r="O11" s="146">
        <v>438632</v>
      </c>
      <c r="P11" s="146">
        <v>14</v>
      </c>
      <c r="Q11" s="145">
        <v>41.06</v>
      </c>
    </row>
    <row r="12" spans="1:17" ht="19.5" customHeight="1" x14ac:dyDescent="0.15">
      <c r="A12" s="151">
        <v>7</v>
      </c>
      <c r="B12" s="348" t="s">
        <v>23</v>
      </c>
      <c r="C12" s="360">
        <v>367766</v>
      </c>
      <c r="D12" s="360">
        <v>24</v>
      </c>
      <c r="E12" s="369">
        <v>-5.73</v>
      </c>
      <c r="F12" s="150">
        <v>376943</v>
      </c>
      <c r="G12" s="150">
        <v>19</v>
      </c>
      <c r="H12" s="149">
        <v>2.5</v>
      </c>
      <c r="I12" s="146">
        <v>361280</v>
      </c>
      <c r="J12" s="146">
        <v>24</v>
      </c>
      <c r="K12" s="149">
        <v>-4.16</v>
      </c>
      <c r="L12" s="146">
        <v>372803</v>
      </c>
      <c r="M12" s="146">
        <v>19</v>
      </c>
      <c r="N12" s="149">
        <v>3.19</v>
      </c>
      <c r="O12" s="146">
        <v>340797</v>
      </c>
      <c r="P12" s="146">
        <v>16</v>
      </c>
      <c r="Q12" s="145">
        <v>-8.59</v>
      </c>
    </row>
    <row r="13" spans="1:17" ht="19.5" customHeight="1" x14ac:dyDescent="0.15">
      <c r="A13" s="151">
        <v>8</v>
      </c>
      <c r="B13" s="348" t="s">
        <v>24</v>
      </c>
      <c r="C13" s="360">
        <v>376997</v>
      </c>
      <c r="D13" s="360">
        <v>22</v>
      </c>
      <c r="E13" s="369">
        <v>13.95</v>
      </c>
      <c r="F13" s="150">
        <v>367064</v>
      </c>
      <c r="G13" s="150">
        <v>21</v>
      </c>
      <c r="H13" s="149">
        <v>-2.63</v>
      </c>
      <c r="I13" s="146">
        <v>333474</v>
      </c>
      <c r="J13" s="146">
        <v>32</v>
      </c>
      <c r="K13" s="149">
        <v>-9.15</v>
      </c>
      <c r="L13" s="146">
        <v>331556</v>
      </c>
      <c r="M13" s="146">
        <v>25</v>
      </c>
      <c r="N13" s="149">
        <v>-0.57999999999999996</v>
      </c>
      <c r="O13" s="146">
        <v>559011</v>
      </c>
      <c r="P13" s="146">
        <v>6</v>
      </c>
      <c r="Q13" s="145">
        <v>68.599999999999994</v>
      </c>
    </row>
    <row r="14" spans="1:17" ht="19.5" customHeight="1" x14ac:dyDescent="0.15">
      <c r="A14" s="151">
        <v>9</v>
      </c>
      <c r="B14" s="348" t="s">
        <v>25</v>
      </c>
      <c r="C14" s="360">
        <v>416390</v>
      </c>
      <c r="D14" s="360">
        <v>10</v>
      </c>
      <c r="E14" s="369">
        <v>17.62</v>
      </c>
      <c r="F14" s="150">
        <v>405158</v>
      </c>
      <c r="G14" s="150">
        <v>12</v>
      </c>
      <c r="H14" s="149">
        <v>-2.7</v>
      </c>
      <c r="I14" s="146">
        <v>555538</v>
      </c>
      <c r="J14" s="146">
        <v>2</v>
      </c>
      <c r="K14" s="149">
        <v>37.119999999999997</v>
      </c>
      <c r="L14" s="146">
        <v>515268</v>
      </c>
      <c r="M14" s="146">
        <v>8</v>
      </c>
      <c r="N14" s="149">
        <v>-7.25</v>
      </c>
      <c r="O14" s="146">
        <v>504503</v>
      </c>
      <c r="P14" s="146">
        <v>9</v>
      </c>
      <c r="Q14" s="145">
        <v>-2.09</v>
      </c>
    </row>
    <row r="15" spans="1:17" ht="19.5" customHeight="1" x14ac:dyDescent="0.15">
      <c r="A15" s="151">
        <v>10</v>
      </c>
      <c r="B15" s="348" t="s">
        <v>26</v>
      </c>
      <c r="C15" s="360">
        <v>394219</v>
      </c>
      <c r="D15" s="360">
        <v>17</v>
      </c>
      <c r="E15" s="369">
        <v>-0.21</v>
      </c>
      <c r="F15" s="150">
        <v>439573</v>
      </c>
      <c r="G15" s="150">
        <v>4</v>
      </c>
      <c r="H15" s="149">
        <v>11.5</v>
      </c>
      <c r="I15" s="146">
        <v>429242</v>
      </c>
      <c r="J15" s="146">
        <v>16</v>
      </c>
      <c r="K15" s="149">
        <v>-2.35</v>
      </c>
      <c r="L15" s="146">
        <v>476081</v>
      </c>
      <c r="M15" s="146">
        <v>11</v>
      </c>
      <c r="N15" s="149">
        <v>10.91</v>
      </c>
      <c r="O15" s="146">
        <v>765804</v>
      </c>
      <c r="P15" s="146">
        <v>2</v>
      </c>
      <c r="Q15" s="145">
        <v>60.86</v>
      </c>
    </row>
    <row r="16" spans="1:17" ht="19.5" customHeight="1" x14ac:dyDescent="0.15">
      <c r="A16" s="151">
        <v>11</v>
      </c>
      <c r="B16" s="348" t="s">
        <v>27</v>
      </c>
      <c r="C16" s="360">
        <v>415029</v>
      </c>
      <c r="D16" s="360">
        <v>11</v>
      </c>
      <c r="E16" s="369">
        <v>5.55</v>
      </c>
      <c r="F16" s="150">
        <v>413031</v>
      </c>
      <c r="G16" s="150">
        <v>9</v>
      </c>
      <c r="H16" s="149">
        <v>-0.48</v>
      </c>
      <c r="I16" s="146">
        <v>391756</v>
      </c>
      <c r="J16" s="146">
        <v>20</v>
      </c>
      <c r="K16" s="149">
        <v>-5.15</v>
      </c>
      <c r="L16" s="146">
        <v>734284</v>
      </c>
      <c r="M16" s="146">
        <v>1</v>
      </c>
      <c r="N16" s="149">
        <v>87.43</v>
      </c>
      <c r="O16" s="146">
        <v>489524</v>
      </c>
      <c r="P16" s="146">
        <v>10</v>
      </c>
      <c r="Q16" s="145">
        <v>-33.33</v>
      </c>
    </row>
    <row r="17" spans="1:17" ht="19.5" customHeight="1" x14ac:dyDescent="0.15">
      <c r="A17" s="151">
        <v>12</v>
      </c>
      <c r="B17" s="348" t="s">
        <v>28</v>
      </c>
      <c r="C17" s="360">
        <v>339473</v>
      </c>
      <c r="D17" s="360">
        <v>30</v>
      </c>
      <c r="E17" s="369">
        <v>0.79</v>
      </c>
      <c r="F17" s="150">
        <v>338083</v>
      </c>
      <c r="G17" s="150">
        <v>29</v>
      </c>
      <c r="H17" s="149">
        <v>-0.41</v>
      </c>
      <c r="I17" s="146">
        <v>346555</v>
      </c>
      <c r="J17" s="146">
        <v>29</v>
      </c>
      <c r="K17" s="149">
        <v>2.5099999999999998</v>
      </c>
      <c r="L17" s="146">
        <v>401540</v>
      </c>
      <c r="M17" s="146">
        <v>18</v>
      </c>
      <c r="N17" s="149">
        <v>15.87</v>
      </c>
      <c r="O17" s="146">
        <v>185055</v>
      </c>
      <c r="P17" s="146">
        <v>24</v>
      </c>
      <c r="Q17" s="145">
        <v>-53.91</v>
      </c>
    </row>
    <row r="18" spans="1:17" ht="19.5" customHeight="1" x14ac:dyDescent="0.15">
      <c r="A18" s="151">
        <v>13</v>
      </c>
      <c r="B18" s="348" t="s">
        <v>29</v>
      </c>
      <c r="C18" s="360">
        <v>355594</v>
      </c>
      <c r="D18" s="360">
        <v>27</v>
      </c>
      <c r="E18" s="369">
        <v>3.53</v>
      </c>
      <c r="F18" s="150">
        <v>395610</v>
      </c>
      <c r="G18" s="150">
        <v>16</v>
      </c>
      <c r="H18" s="149">
        <v>11.25</v>
      </c>
      <c r="I18" s="146">
        <v>386041</v>
      </c>
      <c r="J18" s="146">
        <v>21</v>
      </c>
      <c r="K18" s="149">
        <v>-2.42</v>
      </c>
      <c r="L18" s="146">
        <v>348379</v>
      </c>
      <c r="M18" s="146">
        <v>24</v>
      </c>
      <c r="N18" s="149">
        <v>-9.76</v>
      </c>
      <c r="O18" s="146">
        <v>481400</v>
      </c>
      <c r="P18" s="146">
        <v>11</v>
      </c>
      <c r="Q18" s="145">
        <v>38.18</v>
      </c>
    </row>
    <row r="19" spans="1:17" ht="19.5" customHeight="1" x14ac:dyDescent="0.15">
      <c r="A19" s="151">
        <v>14</v>
      </c>
      <c r="B19" s="348" t="s">
        <v>30</v>
      </c>
      <c r="C19" s="360">
        <v>521967</v>
      </c>
      <c r="D19" s="360">
        <v>2</v>
      </c>
      <c r="E19" s="369">
        <v>12.88</v>
      </c>
      <c r="F19" s="150">
        <v>383456</v>
      </c>
      <c r="G19" s="150">
        <v>17</v>
      </c>
      <c r="H19" s="149">
        <v>-26.54</v>
      </c>
      <c r="I19" s="146">
        <v>359572</v>
      </c>
      <c r="J19" s="146">
        <v>26</v>
      </c>
      <c r="K19" s="149">
        <v>-6.23</v>
      </c>
      <c r="L19" s="146">
        <v>364900</v>
      </c>
      <c r="M19" s="146">
        <v>20</v>
      </c>
      <c r="N19" s="149">
        <v>1.48</v>
      </c>
      <c r="O19" s="146">
        <v>258849</v>
      </c>
      <c r="P19" s="146">
        <v>21</v>
      </c>
      <c r="Q19" s="145">
        <v>-29.06</v>
      </c>
    </row>
    <row r="20" spans="1:17" ht="19.5" customHeight="1" x14ac:dyDescent="0.15">
      <c r="A20" s="151">
        <v>15</v>
      </c>
      <c r="B20" s="348" t="s">
        <v>31</v>
      </c>
      <c r="C20" s="360">
        <v>339688</v>
      </c>
      <c r="D20" s="360">
        <v>29</v>
      </c>
      <c r="E20" s="369">
        <v>-2.37</v>
      </c>
      <c r="F20" s="150">
        <v>349776</v>
      </c>
      <c r="G20" s="150">
        <v>25</v>
      </c>
      <c r="H20" s="149">
        <v>2.97</v>
      </c>
      <c r="I20" s="146">
        <v>359596</v>
      </c>
      <c r="J20" s="146">
        <v>25</v>
      </c>
      <c r="K20" s="149">
        <v>2.81</v>
      </c>
      <c r="L20" s="146">
        <v>357334</v>
      </c>
      <c r="M20" s="146">
        <v>22</v>
      </c>
      <c r="N20" s="149">
        <v>-0.63</v>
      </c>
      <c r="O20" s="146">
        <v>673586</v>
      </c>
      <c r="P20" s="146">
        <v>3</v>
      </c>
      <c r="Q20" s="145">
        <v>88.5</v>
      </c>
    </row>
    <row r="21" spans="1:17" ht="19.5" customHeight="1" x14ac:dyDescent="0.15">
      <c r="A21" s="151">
        <v>16</v>
      </c>
      <c r="B21" s="348" t="s">
        <v>32</v>
      </c>
      <c r="C21" s="360">
        <v>332574</v>
      </c>
      <c r="D21" s="360">
        <v>32</v>
      </c>
      <c r="E21" s="369">
        <v>3.45</v>
      </c>
      <c r="F21" s="150">
        <v>368855</v>
      </c>
      <c r="G21" s="150">
        <v>20</v>
      </c>
      <c r="H21" s="149">
        <v>10.91</v>
      </c>
      <c r="I21" s="146">
        <v>368888</v>
      </c>
      <c r="J21" s="146">
        <v>22</v>
      </c>
      <c r="K21" s="149">
        <v>0.01</v>
      </c>
      <c r="L21" s="146">
        <v>268635</v>
      </c>
      <c r="M21" s="146">
        <v>28</v>
      </c>
      <c r="N21" s="149">
        <v>-27.18</v>
      </c>
      <c r="O21" s="146">
        <v>125240</v>
      </c>
      <c r="P21" s="146">
        <v>28</v>
      </c>
      <c r="Q21" s="145">
        <v>-53.38</v>
      </c>
    </row>
    <row r="22" spans="1:17" ht="19.5" customHeight="1" x14ac:dyDescent="0.15">
      <c r="A22" s="151">
        <v>17</v>
      </c>
      <c r="B22" s="348" t="s">
        <v>33</v>
      </c>
      <c r="C22" s="360">
        <v>405621</v>
      </c>
      <c r="D22" s="360">
        <v>13</v>
      </c>
      <c r="E22" s="369">
        <v>6.67</v>
      </c>
      <c r="F22" s="150">
        <v>454494</v>
      </c>
      <c r="G22" s="150">
        <v>3</v>
      </c>
      <c r="H22" s="149">
        <v>12.05</v>
      </c>
      <c r="I22" s="146">
        <v>479238</v>
      </c>
      <c r="J22" s="146">
        <v>7</v>
      </c>
      <c r="K22" s="149">
        <v>5.44</v>
      </c>
      <c r="L22" s="146">
        <v>499439</v>
      </c>
      <c r="M22" s="146">
        <v>9</v>
      </c>
      <c r="N22" s="149">
        <v>4.22</v>
      </c>
      <c r="O22" s="146">
        <v>248430</v>
      </c>
      <c r="P22" s="146">
        <v>22</v>
      </c>
      <c r="Q22" s="145">
        <v>-50.26</v>
      </c>
    </row>
    <row r="23" spans="1:17" ht="19.5" customHeight="1" x14ac:dyDescent="0.15">
      <c r="A23" s="151">
        <v>18</v>
      </c>
      <c r="B23" s="348" t="s">
        <v>34</v>
      </c>
      <c r="C23" s="360">
        <v>386154</v>
      </c>
      <c r="D23" s="360">
        <v>18</v>
      </c>
      <c r="E23" s="369">
        <v>18.809999999999999</v>
      </c>
      <c r="F23" s="150">
        <v>395859</v>
      </c>
      <c r="G23" s="150">
        <v>15</v>
      </c>
      <c r="H23" s="149">
        <v>2.5099999999999998</v>
      </c>
      <c r="I23" s="146">
        <v>460742</v>
      </c>
      <c r="J23" s="146">
        <v>9</v>
      </c>
      <c r="K23" s="149">
        <v>16.39</v>
      </c>
      <c r="L23" s="146">
        <v>430604</v>
      </c>
      <c r="M23" s="146">
        <v>14</v>
      </c>
      <c r="N23" s="149">
        <v>-6.54</v>
      </c>
      <c r="O23" s="146">
        <v>448856</v>
      </c>
      <c r="P23" s="146">
        <v>13</v>
      </c>
      <c r="Q23" s="145">
        <v>4.24</v>
      </c>
    </row>
    <row r="24" spans="1:17" ht="19.5" customHeight="1" x14ac:dyDescent="0.15">
      <c r="A24" s="151">
        <v>19</v>
      </c>
      <c r="B24" s="348" t="s">
        <v>35</v>
      </c>
      <c r="C24" s="360">
        <v>367508</v>
      </c>
      <c r="D24" s="360">
        <v>25</v>
      </c>
      <c r="E24" s="369">
        <v>-17.86</v>
      </c>
      <c r="F24" s="150">
        <v>406596</v>
      </c>
      <c r="G24" s="150">
        <v>11</v>
      </c>
      <c r="H24" s="149">
        <v>10.64</v>
      </c>
      <c r="I24" s="146">
        <v>443251</v>
      </c>
      <c r="J24" s="146">
        <v>14</v>
      </c>
      <c r="K24" s="149">
        <v>9.02</v>
      </c>
      <c r="L24" s="146">
        <v>363857</v>
      </c>
      <c r="M24" s="146">
        <v>21</v>
      </c>
      <c r="N24" s="149">
        <v>-17.91</v>
      </c>
      <c r="O24" s="146">
        <v>206560</v>
      </c>
      <c r="P24" s="146">
        <v>23</v>
      </c>
      <c r="Q24" s="145">
        <v>-43.23</v>
      </c>
    </row>
    <row r="25" spans="1:17" ht="19.5" customHeight="1" x14ac:dyDescent="0.15">
      <c r="A25" s="151">
        <v>20</v>
      </c>
      <c r="B25" s="348" t="s">
        <v>36</v>
      </c>
      <c r="C25" s="360">
        <v>338776</v>
      </c>
      <c r="D25" s="360">
        <v>31</v>
      </c>
      <c r="E25" s="369">
        <v>-3.4</v>
      </c>
      <c r="F25" s="150">
        <v>348488</v>
      </c>
      <c r="G25" s="150">
        <v>26</v>
      </c>
      <c r="H25" s="149">
        <v>2.87</v>
      </c>
      <c r="I25" s="146">
        <v>494398</v>
      </c>
      <c r="J25" s="146">
        <v>6</v>
      </c>
      <c r="K25" s="149">
        <v>41.87</v>
      </c>
      <c r="L25" s="146">
        <v>493740</v>
      </c>
      <c r="M25" s="146">
        <v>10</v>
      </c>
      <c r="N25" s="149">
        <v>-0.13</v>
      </c>
      <c r="O25" s="146">
        <v>349849</v>
      </c>
      <c r="P25" s="146">
        <v>15</v>
      </c>
      <c r="Q25" s="145">
        <v>-29.14</v>
      </c>
    </row>
    <row r="26" spans="1:17" ht="19.5" customHeight="1" x14ac:dyDescent="0.15">
      <c r="A26" s="151">
        <v>21</v>
      </c>
      <c r="B26" s="348" t="s">
        <v>37</v>
      </c>
      <c r="C26" s="360">
        <v>348636</v>
      </c>
      <c r="D26" s="360">
        <v>28</v>
      </c>
      <c r="E26" s="369">
        <v>17.55</v>
      </c>
      <c r="F26" s="150">
        <v>344442</v>
      </c>
      <c r="G26" s="150">
        <v>28</v>
      </c>
      <c r="H26" s="149">
        <v>-1.2</v>
      </c>
      <c r="I26" s="146">
        <v>367464</v>
      </c>
      <c r="J26" s="146">
        <v>23</v>
      </c>
      <c r="K26" s="149">
        <v>6.68</v>
      </c>
      <c r="L26" s="146">
        <v>448374</v>
      </c>
      <c r="M26" s="146">
        <v>13</v>
      </c>
      <c r="N26" s="149">
        <v>22.02</v>
      </c>
      <c r="O26" s="146">
        <v>287245</v>
      </c>
      <c r="P26" s="146">
        <v>20</v>
      </c>
      <c r="Q26" s="145">
        <v>-35.94</v>
      </c>
    </row>
    <row r="27" spans="1:17" ht="19.5" customHeight="1" x14ac:dyDescent="0.15">
      <c r="A27" s="151">
        <v>22</v>
      </c>
      <c r="B27" s="348" t="s">
        <v>38</v>
      </c>
      <c r="C27" s="360">
        <v>384880</v>
      </c>
      <c r="D27" s="360">
        <v>19</v>
      </c>
      <c r="E27" s="369">
        <v>-4.09</v>
      </c>
      <c r="F27" s="150">
        <v>356326</v>
      </c>
      <c r="G27" s="150">
        <v>22</v>
      </c>
      <c r="H27" s="149">
        <v>-7.42</v>
      </c>
      <c r="I27" s="146">
        <v>531127</v>
      </c>
      <c r="J27" s="146">
        <v>4</v>
      </c>
      <c r="K27" s="149">
        <v>49.06</v>
      </c>
      <c r="L27" s="146">
        <v>682962</v>
      </c>
      <c r="M27" s="146">
        <v>2</v>
      </c>
      <c r="N27" s="149">
        <v>28.59</v>
      </c>
      <c r="O27" s="146">
        <v>322450</v>
      </c>
      <c r="P27" s="146">
        <v>18</v>
      </c>
      <c r="Q27" s="145">
        <v>-52.79</v>
      </c>
    </row>
    <row r="28" spans="1:17" ht="19.5" customHeight="1" x14ac:dyDescent="0.15">
      <c r="A28" s="151">
        <v>23</v>
      </c>
      <c r="B28" s="348" t="s">
        <v>39</v>
      </c>
      <c r="C28" s="360">
        <v>379239</v>
      </c>
      <c r="D28" s="360">
        <v>21</v>
      </c>
      <c r="E28" s="369">
        <v>1.04</v>
      </c>
      <c r="F28" s="150">
        <v>379071</v>
      </c>
      <c r="G28" s="150">
        <v>18</v>
      </c>
      <c r="H28" s="149">
        <v>-0.04</v>
      </c>
      <c r="I28" s="146">
        <v>546649</v>
      </c>
      <c r="J28" s="146">
        <v>3</v>
      </c>
      <c r="K28" s="149">
        <v>44.21</v>
      </c>
      <c r="L28" s="146">
        <v>422615</v>
      </c>
      <c r="M28" s="146">
        <v>16</v>
      </c>
      <c r="N28" s="149">
        <v>-22.69</v>
      </c>
      <c r="O28" s="146">
        <v>319716</v>
      </c>
      <c r="P28" s="146">
        <v>19</v>
      </c>
      <c r="Q28" s="145">
        <v>-24.35</v>
      </c>
    </row>
    <row r="29" spans="1:17" ht="19.5" customHeight="1" x14ac:dyDescent="0.15">
      <c r="A29" s="151">
        <v>24</v>
      </c>
      <c r="B29" s="348" t="s">
        <v>40</v>
      </c>
      <c r="C29" s="360">
        <v>413619</v>
      </c>
      <c r="D29" s="360">
        <v>12</v>
      </c>
      <c r="E29" s="369">
        <v>-8.9600000000000009</v>
      </c>
      <c r="F29" s="150">
        <v>518637</v>
      </c>
      <c r="G29" s="150">
        <v>1</v>
      </c>
      <c r="H29" s="149">
        <v>25.39</v>
      </c>
      <c r="I29" s="146">
        <v>557704</v>
      </c>
      <c r="J29" s="146">
        <v>1</v>
      </c>
      <c r="K29" s="149">
        <v>7.53</v>
      </c>
      <c r="L29" s="146">
        <v>168283</v>
      </c>
      <c r="M29" s="146">
        <v>32</v>
      </c>
      <c r="N29" s="149">
        <v>-69.83</v>
      </c>
      <c r="O29" s="146">
        <v>162458</v>
      </c>
      <c r="P29" s="146">
        <v>26</v>
      </c>
      <c r="Q29" s="145">
        <v>-3.46</v>
      </c>
    </row>
    <row r="30" spans="1:17" ht="19.5" customHeight="1" x14ac:dyDescent="0.15">
      <c r="A30" s="151">
        <v>25</v>
      </c>
      <c r="B30" s="348" t="s">
        <v>41</v>
      </c>
      <c r="C30" s="360">
        <v>400899</v>
      </c>
      <c r="D30" s="360">
        <v>14</v>
      </c>
      <c r="E30" s="369">
        <v>42.17</v>
      </c>
      <c r="F30" s="150">
        <v>275874</v>
      </c>
      <c r="G30" s="150">
        <v>31</v>
      </c>
      <c r="H30" s="149">
        <v>-31.19</v>
      </c>
      <c r="I30" s="146">
        <v>342004</v>
      </c>
      <c r="J30" s="146">
        <v>31</v>
      </c>
      <c r="K30" s="149">
        <v>23.97</v>
      </c>
      <c r="L30" s="146">
        <v>274792</v>
      </c>
      <c r="M30" s="146">
        <v>27</v>
      </c>
      <c r="N30" s="149">
        <v>-19.649999999999999</v>
      </c>
      <c r="O30" s="146">
        <v>332593</v>
      </c>
      <c r="P30" s="146">
        <v>17</v>
      </c>
      <c r="Q30" s="145">
        <v>21.03</v>
      </c>
    </row>
    <row r="31" spans="1:17" ht="19.5" customHeight="1" x14ac:dyDescent="0.15">
      <c r="A31" s="151">
        <v>26</v>
      </c>
      <c r="B31" s="348" t="s">
        <v>42</v>
      </c>
      <c r="C31" s="360">
        <v>399409</v>
      </c>
      <c r="D31" s="360">
        <v>15</v>
      </c>
      <c r="E31" s="369">
        <v>23.9</v>
      </c>
      <c r="F31" s="150">
        <v>287318</v>
      </c>
      <c r="G31" s="150">
        <v>30</v>
      </c>
      <c r="H31" s="149">
        <v>-28.06</v>
      </c>
      <c r="I31" s="146">
        <v>346355</v>
      </c>
      <c r="J31" s="146">
        <v>30</v>
      </c>
      <c r="K31" s="149">
        <v>20.55</v>
      </c>
      <c r="L31" s="146">
        <v>449957</v>
      </c>
      <c r="M31" s="146">
        <v>12</v>
      </c>
      <c r="N31" s="149">
        <v>29.91</v>
      </c>
      <c r="O31" s="146">
        <v>130903</v>
      </c>
      <c r="P31" s="146">
        <v>27</v>
      </c>
      <c r="Q31" s="145">
        <v>-70.91</v>
      </c>
    </row>
    <row r="32" spans="1:17" ht="19.5" customHeight="1" x14ac:dyDescent="0.15">
      <c r="A32" s="151">
        <v>27</v>
      </c>
      <c r="B32" s="348" t="s">
        <v>43</v>
      </c>
      <c r="C32" s="360">
        <v>519915</v>
      </c>
      <c r="D32" s="360">
        <v>3</v>
      </c>
      <c r="E32" s="369">
        <v>28.69</v>
      </c>
      <c r="F32" s="150">
        <v>345099</v>
      </c>
      <c r="G32" s="150">
        <v>27</v>
      </c>
      <c r="H32" s="149">
        <v>-33.619999999999997</v>
      </c>
      <c r="I32" s="146">
        <v>395925</v>
      </c>
      <c r="J32" s="146">
        <v>19</v>
      </c>
      <c r="K32" s="149">
        <v>14.73</v>
      </c>
      <c r="L32" s="146">
        <v>171710</v>
      </c>
      <c r="M32" s="146">
        <v>31</v>
      </c>
      <c r="N32" s="149">
        <v>-56.63</v>
      </c>
      <c r="O32" s="146">
        <v>43820</v>
      </c>
      <c r="P32" s="146">
        <v>31</v>
      </c>
      <c r="Q32" s="145">
        <v>-74.48</v>
      </c>
    </row>
    <row r="33" spans="1:51" ht="19.5" customHeight="1" x14ac:dyDescent="0.15">
      <c r="A33" s="151">
        <v>28</v>
      </c>
      <c r="B33" s="348" t="s">
        <v>44</v>
      </c>
      <c r="C33" s="360">
        <v>557773</v>
      </c>
      <c r="D33" s="360">
        <v>1</v>
      </c>
      <c r="E33" s="369">
        <v>55.52</v>
      </c>
      <c r="F33" s="150">
        <v>433127</v>
      </c>
      <c r="G33" s="150">
        <v>5</v>
      </c>
      <c r="H33" s="149">
        <v>-22.35</v>
      </c>
      <c r="I33" s="146">
        <v>454993</v>
      </c>
      <c r="J33" s="146">
        <v>13</v>
      </c>
      <c r="K33" s="149">
        <v>5.05</v>
      </c>
      <c r="L33" s="146">
        <v>540890</v>
      </c>
      <c r="M33" s="146">
        <v>5</v>
      </c>
      <c r="N33" s="149">
        <v>18.88</v>
      </c>
      <c r="O33" s="146">
        <v>1651502</v>
      </c>
      <c r="P33" s="146">
        <v>1</v>
      </c>
      <c r="Q33" s="145">
        <v>205.33</v>
      </c>
    </row>
    <row r="34" spans="1:51" ht="19.5" customHeight="1" x14ac:dyDescent="0.15">
      <c r="A34" s="151">
        <v>29</v>
      </c>
      <c r="B34" s="348" t="s">
        <v>45</v>
      </c>
      <c r="C34" s="360">
        <v>359838</v>
      </c>
      <c r="D34" s="360">
        <v>26</v>
      </c>
      <c r="E34" s="369">
        <v>-12.52</v>
      </c>
      <c r="F34" s="150">
        <v>225867</v>
      </c>
      <c r="G34" s="150">
        <v>32</v>
      </c>
      <c r="H34" s="149">
        <v>-37.229999999999997</v>
      </c>
      <c r="I34" s="146">
        <v>414481</v>
      </c>
      <c r="J34" s="146">
        <v>18</v>
      </c>
      <c r="K34" s="149">
        <v>83.51</v>
      </c>
      <c r="L34" s="146">
        <v>255301</v>
      </c>
      <c r="M34" s="146">
        <v>30</v>
      </c>
      <c r="N34" s="149">
        <v>-38.4</v>
      </c>
      <c r="O34" s="146">
        <v>51382</v>
      </c>
      <c r="P34" s="146">
        <v>30</v>
      </c>
      <c r="Q34" s="145">
        <v>-79.87</v>
      </c>
    </row>
    <row r="35" spans="1:51" ht="19.5" customHeight="1" x14ac:dyDescent="0.15">
      <c r="A35" s="151">
        <v>30</v>
      </c>
      <c r="B35" s="348" t="s">
        <v>46</v>
      </c>
      <c r="C35" s="360">
        <v>461958</v>
      </c>
      <c r="D35" s="360">
        <v>5</v>
      </c>
      <c r="E35" s="369">
        <v>-6.16</v>
      </c>
      <c r="F35" s="150">
        <v>355517</v>
      </c>
      <c r="G35" s="150">
        <v>23</v>
      </c>
      <c r="H35" s="149">
        <v>-23.04</v>
      </c>
      <c r="I35" s="146">
        <v>431730</v>
      </c>
      <c r="J35" s="146">
        <v>15</v>
      </c>
      <c r="K35" s="149">
        <v>21.44</v>
      </c>
      <c r="L35" s="146">
        <v>349846</v>
      </c>
      <c r="M35" s="146">
        <v>23</v>
      </c>
      <c r="N35" s="149">
        <v>-18.97</v>
      </c>
      <c r="O35" s="146">
        <v>0</v>
      </c>
      <c r="P35" s="146">
        <v>32</v>
      </c>
      <c r="Q35" s="145">
        <v>-100</v>
      </c>
    </row>
    <row r="36" spans="1:51" ht="19.5" customHeight="1" x14ac:dyDescent="0.15">
      <c r="A36" s="151">
        <v>31</v>
      </c>
      <c r="B36" s="348" t="s">
        <v>47</v>
      </c>
      <c r="C36" s="360">
        <v>480746</v>
      </c>
      <c r="D36" s="360">
        <v>4</v>
      </c>
      <c r="E36" s="369">
        <v>15.89</v>
      </c>
      <c r="F36" s="150">
        <v>426391</v>
      </c>
      <c r="G36" s="150">
        <v>6</v>
      </c>
      <c r="H36" s="149">
        <v>-11.31</v>
      </c>
      <c r="I36" s="146">
        <v>358112</v>
      </c>
      <c r="J36" s="146">
        <v>27</v>
      </c>
      <c r="K36" s="149">
        <v>-16.010000000000002</v>
      </c>
      <c r="L36" s="146">
        <v>260074</v>
      </c>
      <c r="M36" s="146">
        <v>29</v>
      </c>
      <c r="N36" s="149">
        <v>-27.38</v>
      </c>
      <c r="O36" s="146">
        <v>183073</v>
      </c>
      <c r="P36" s="146">
        <v>25</v>
      </c>
      <c r="Q36" s="145">
        <v>-29.61</v>
      </c>
    </row>
    <row r="37" spans="1:51" ht="19.5" customHeight="1" x14ac:dyDescent="0.15">
      <c r="A37" s="151">
        <v>32</v>
      </c>
      <c r="B37" s="348" t="s">
        <v>48</v>
      </c>
      <c r="C37" s="360">
        <v>398678</v>
      </c>
      <c r="D37" s="360">
        <v>16</v>
      </c>
      <c r="E37" s="369">
        <v>10.93</v>
      </c>
      <c r="F37" s="150">
        <v>425650</v>
      </c>
      <c r="G37" s="150">
        <v>7</v>
      </c>
      <c r="H37" s="149">
        <v>6.77</v>
      </c>
      <c r="I37" s="146">
        <v>459120</v>
      </c>
      <c r="J37" s="146">
        <v>10</v>
      </c>
      <c r="K37" s="149">
        <v>7.86</v>
      </c>
      <c r="L37" s="146">
        <v>627051</v>
      </c>
      <c r="M37" s="146">
        <v>4</v>
      </c>
      <c r="N37" s="149">
        <v>36.58</v>
      </c>
      <c r="O37" s="146">
        <v>117219</v>
      </c>
      <c r="P37" s="146">
        <v>29</v>
      </c>
      <c r="Q37" s="145">
        <v>-81.31</v>
      </c>
    </row>
    <row r="38" spans="1:51" ht="19.5" customHeight="1" thickBot="1" x14ac:dyDescent="0.2">
      <c r="A38" s="144">
        <v>33</v>
      </c>
      <c r="B38" s="350" t="s">
        <v>49</v>
      </c>
      <c r="C38" s="361">
        <v>196154</v>
      </c>
      <c r="D38" s="361">
        <v>33</v>
      </c>
      <c r="E38" s="370">
        <v>-52.02</v>
      </c>
      <c r="F38" s="143">
        <v>218175</v>
      </c>
      <c r="G38" s="143">
        <v>33</v>
      </c>
      <c r="H38" s="142">
        <v>11.23</v>
      </c>
      <c r="I38" s="138">
        <v>208420</v>
      </c>
      <c r="J38" s="138">
        <v>33</v>
      </c>
      <c r="K38" s="142">
        <v>-4.47</v>
      </c>
      <c r="L38" s="138">
        <v>0</v>
      </c>
      <c r="M38" s="138">
        <v>33</v>
      </c>
      <c r="N38" s="142">
        <v>-100</v>
      </c>
      <c r="O38" s="138">
        <v>0</v>
      </c>
      <c r="P38" s="138">
        <v>32</v>
      </c>
      <c r="Q38" s="209" t="s">
        <v>81</v>
      </c>
    </row>
    <row r="39" spans="1:51" ht="19.5" hidden="1" customHeight="1" thickTop="1" thickBot="1" x14ac:dyDescent="0.2">
      <c r="A39" s="165">
        <v>34</v>
      </c>
      <c r="B39" s="352" t="s">
        <v>118</v>
      </c>
      <c r="C39" s="362"/>
      <c r="D39" s="362"/>
      <c r="E39" s="371"/>
      <c r="F39" s="135" t="s">
        <v>81</v>
      </c>
      <c r="G39" s="135" t="s">
        <v>81</v>
      </c>
      <c r="H39" s="164" t="s">
        <v>81</v>
      </c>
      <c r="I39" s="131" t="s">
        <v>81</v>
      </c>
      <c r="J39" s="131" t="s">
        <v>81</v>
      </c>
      <c r="K39" s="130" t="s">
        <v>81</v>
      </c>
      <c r="L39" s="131" t="s">
        <v>81</v>
      </c>
      <c r="M39" s="131" t="s">
        <v>81</v>
      </c>
      <c r="N39" s="130" t="s">
        <v>81</v>
      </c>
      <c r="O39" s="134" t="s">
        <v>81</v>
      </c>
      <c r="P39" s="134" t="s">
        <v>81</v>
      </c>
      <c r="Q39" s="208" t="s">
        <v>81</v>
      </c>
    </row>
    <row r="40" spans="1:51" ht="19.5" hidden="1" customHeight="1" thickTop="1" thickBot="1" x14ac:dyDescent="0.2">
      <c r="A40" s="165">
        <v>35</v>
      </c>
      <c r="B40" s="352" t="s">
        <v>117</v>
      </c>
      <c r="C40" s="362"/>
      <c r="D40" s="362"/>
      <c r="E40" s="371"/>
      <c r="F40" s="135" t="s">
        <v>81</v>
      </c>
      <c r="G40" s="135" t="s">
        <v>81</v>
      </c>
      <c r="H40" s="164" t="s">
        <v>81</v>
      </c>
      <c r="I40" s="131" t="s">
        <v>81</v>
      </c>
      <c r="J40" s="131" t="s">
        <v>81</v>
      </c>
      <c r="K40" s="130" t="s">
        <v>81</v>
      </c>
      <c r="L40" s="131" t="s">
        <v>81</v>
      </c>
      <c r="M40" s="131" t="s">
        <v>81</v>
      </c>
      <c r="N40" s="130" t="s">
        <v>81</v>
      </c>
      <c r="O40" s="134" t="s">
        <v>81</v>
      </c>
      <c r="P40" s="134" t="s">
        <v>81</v>
      </c>
      <c r="Q40" s="208" t="s">
        <v>81</v>
      </c>
    </row>
    <row r="41" spans="1:51" ht="19.5" hidden="1" customHeight="1" thickTop="1" thickBot="1" x14ac:dyDescent="0.2">
      <c r="A41" s="165">
        <v>36</v>
      </c>
      <c r="B41" s="352" t="s">
        <v>116</v>
      </c>
      <c r="C41" s="362"/>
      <c r="D41" s="362"/>
      <c r="E41" s="371"/>
      <c r="F41" s="135" t="s">
        <v>81</v>
      </c>
      <c r="G41" s="135" t="s">
        <v>81</v>
      </c>
      <c r="H41" s="164" t="s">
        <v>81</v>
      </c>
      <c r="I41" s="131" t="s">
        <v>81</v>
      </c>
      <c r="J41" s="131" t="s">
        <v>81</v>
      </c>
      <c r="K41" s="130" t="s">
        <v>81</v>
      </c>
      <c r="L41" s="131" t="s">
        <v>81</v>
      </c>
      <c r="M41" s="131" t="s">
        <v>81</v>
      </c>
      <c r="N41" s="130" t="s">
        <v>81</v>
      </c>
      <c r="O41" s="134" t="s">
        <v>81</v>
      </c>
      <c r="P41" s="134" t="s">
        <v>81</v>
      </c>
      <c r="Q41" s="208" t="s">
        <v>81</v>
      </c>
    </row>
    <row r="42" spans="1:51" ht="19.5" hidden="1" customHeight="1" thickTop="1" thickBot="1" x14ac:dyDescent="0.2">
      <c r="A42" s="165">
        <v>37</v>
      </c>
      <c r="B42" s="352" t="s">
        <v>115</v>
      </c>
      <c r="C42" s="362"/>
      <c r="D42" s="362"/>
      <c r="E42" s="371"/>
      <c r="F42" s="135" t="s">
        <v>81</v>
      </c>
      <c r="G42" s="135" t="s">
        <v>81</v>
      </c>
      <c r="H42" s="164" t="s">
        <v>81</v>
      </c>
      <c r="I42" s="131" t="s">
        <v>81</v>
      </c>
      <c r="J42" s="131" t="s">
        <v>81</v>
      </c>
      <c r="K42" s="130" t="s">
        <v>81</v>
      </c>
      <c r="L42" s="131" t="s">
        <v>81</v>
      </c>
      <c r="M42" s="131" t="s">
        <v>81</v>
      </c>
      <c r="N42" s="130" t="s">
        <v>81</v>
      </c>
      <c r="O42" s="134" t="s">
        <v>81</v>
      </c>
      <c r="P42" s="134" t="s">
        <v>81</v>
      </c>
      <c r="Q42" s="208" t="s">
        <v>81</v>
      </c>
    </row>
    <row r="43" spans="1:51" ht="19.5" customHeight="1" thickTop="1" x14ac:dyDescent="0.15">
      <c r="A43" s="158">
        <v>301</v>
      </c>
      <c r="B43" s="354" t="s">
        <v>114</v>
      </c>
      <c r="C43" s="363" t="s">
        <v>81</v>
      </c>
      <c r="D43" s="363" t="s">
        <v>81</v>
      </c>
      <c r="E43" s="372" t="s">
        <v>81</v>
      </c>
      <c r="F43" s="207" t="s">
        <v>81</v>
      </c>
      <c r="G43" s="207" t="s">
        <v>81</v>
      </c>
      <c r="H43" s="206" t="s">
        <v>81</v>
      </c>
      <c r="I43" s="204" t="s">
        <v>81</v>
      </c>
      <c r="J43" s="204" t="s">
        <v>81</v>
      </c>
      <c r="K43" s="205" t="s">
        <v>81</v>
      </c>
      <c r="L43" s="204" t="s">
        <v>81</v>
      </c>
      <c r="M43" s="204" t="s">
        <v>81</v>
      </c>
      <c r="N43" s="205" t="s">
        <v>81</v>
      </c>
      <c r="O43" s="204" t="s">
        <v>81</v>
      </c>
      <c r="P43" s="204" t="s">
        <v>158</v>
      </c>
      <c r="Q43" s="203" t="s">
        <v>158</v>
      </c>
      <c r="R43" s="186"/>
      <c r="S43" s="186"/>
      <c r="T43" s="186"/>
      <c r="U43" s="186"/>
      <c r="V43" s="186"/>
      <c r="W43" s="186"/>
      <c r="X43" s="186"/>
      <c r="Y43" s="186"/>
      <c r="Z43" s="186"/>
      <c r="AA43" s="186"/>
      <c r="AB43" s="186"/>
      <c r="AC43" s="186"/>
      <c r="AD43" s="186"/>
      <c r="AE43" s="186"/>
      <c r="AF43" s="186"/>
      <c r="AG43" s="186"/>
      <c r="AH43" s="186"/>
      <c r="AI43" s="186"/>
      <c r="AJ43" s="186"/>
      <c r="AK43" s="186"/>
    </row>
    <row r="44" spans="1:51" ht="19.5" customHeight="1" x14ac:dyDescent="0.15">
      <c r="A44" s="151">
        <v>302</v>
      </c>
      <c r="B44" s="348" t="s">
        <v>113</v>
      </c>
      <c r="C44" s="364" t="s">
        <v>81</v>
      </c>
      <c r="D44" s="364" t="s">
        <v>81</v>
      </c>
      <c r="E44" s="373" t="s">
        <v>81</v>
      </c>
      <c r="F44" s="202" t="s">
        <v>81</v>
      </c>
      <c r="G44" s="202" t="s">
        <v>81</v>
      </c>
      <c r="H44" s="201" t="s">
        <v>81</v>
      </c>
      <c r="I44" s="199" t="s">
        <v>81</v>
      </c>
      <c r="J44" s="199" t="s">
        <v>81</v>
      </c>
      <c r="K44" s="200" t="s">
        <v>81</v>
      </c>
      <c r="L44" s="199" t="s">
        <v>81</v>
      </c>
      <c r="M44" s="199" t="s">
        <v>81</v>
      </c>
      <c r="N44" s="200" t="s">
        <v>81</v>
      </c>
      <c r="O44" s="199" t="s">
        <v>81</v>
      </c>
      <c r="P44" s="199" t="s">
        <v>165</v>
      </c>
      <c r="Q44" s="198" t="s">
        <v>138</v>
      </c>
      <c r="R44" s="186"/>
      <c r="S44" s="186"/>
      <c r="T44" s="186"/>
      <c r="U44" s="186"/>
      <c r="V44" s="186"/>
      <c r="W44" s="186"/>
      <c r="X44" s="186"/>
      <c r="Y44" s="186"/>
      <c r="Z44" s="186"/>
      <c r="AA44" s="186"/>
      <c r="AB44" s="186"/>
      <c r="AC44" s="186"/>
      <c r="AD44" s="186"/>
      <c r="AE44" s="186"/>
      <c r="AF44" s="186"/>
      <c r="AG44" s="186"/>
      <c r="AH44" s="186"/>
      <c r="AI44" s="186"/>
      <c r="AJ44" s="186"/>
      <c r="AK44" s="186"/>
    </row>
    <row r="45" spans="1:51" ht="19.5" customHeight="1" x14ac:dyDescent="0.15">
      <c r="A45" s="151">
        <v>303</v>
      </c>
      <c r="B45" s="348" t="s">
        <v>112</v>
      </c>
      <c r="C45" s="364" t="s">
        <v>81</v>
      </c>
      <c r="D45" s="364" t="s">
        <v>81</v>
      </c>
      <c r="E45" s="373" t="s">
        <v>81</v>
      </c>
      <c r="F45" s="202" t="s">
        <v>81</v>
      </c>
      <c r="G45" s="202" t="s">
        <v>81</v>
      </c>
      <c r="H45" s="201" t="s">
        <v>81</v>
      </c>
      <c r="I45" s="199" t="s">
        <v>81</v>
      </c>
      <c r="J45" s="199" t="s">
        <v>81</v>
      </c>
      <c r="K45" s="200" t="s">
        <v>81</v>
      </c>
      <c r="L45" s="199" t="s">
        <v>81</v>
      </c>
      <c r="M45" s="199" t="s">
        <v>81</v>
      </c>
      <c r="N45" s="200" t="s">
        <v>81</v>
      </c>
      <c r="O45" s="199" t="s">
        <v>81</v>
      </c>
      <c r="P45" s="199" t="s">
        <v>138</v>
      </c>
      <c r="Q45" s="198" t="s">
        <v>138</v>
      </c>
      <c r="R45" s="186"/>
      <c r="S45" s="186"/>
      <c r="T45" s="186"/>
      <c r="U45" s="186"/>
      <c r="V45" s="186"/>
      <c r="W45" s="186"/>
      <c r="X45" s="186"/>
      <c r="Y45" s="186"/>
      <c r="Z45" s="186"/>
      <c r="AA45" s="186"/>
      <c r="AB45" s="186"/>
      <c r="AC45" s="186"/>
      <c r="AD45" s="186"/>
      <c r="AE45" s="186"/>
      <c r="AF45" s="186"/>
      <c r="AG45" s="186"/>
      <c r="AH45" s="186"/>
      <c r="AI45" s="186"/>
      <c r="AJ45" s="186"/>
      <c r="AK45" s="186"/>
    </row>
    <row r="46" spans="1:51" ht="19.5" customHeight="1" x14ac:dyDescent="0.15">
      <c r="A46" s="151">
        <v>304</v>
      </c>
      <c r="B46" s="348" t="s">
        <v>111</v>
      </c>
      <c r="C46" s="364" t="s">
        <v>81</v>
      </c>
      <c r="D46" s="364" t="s">
        <v>81</v>
      </c>
      <c r="E46" s="373" t="s">
        <v>81</v>
      </c>
      <c r="F46" s="202" t="s">
        <v>81</v>
      </c>
      <c r="G46" s="202" t="s">
        <v>81</v>
      </c>
      <c r="H46" s="201" t="s">
        <v>81</v>
      </c>
      <c r="I46" s="199" t="s">
        <v>81</v>
      </c>
      <c r="J46" s="199" t="s">
        <v>81</v>
      </c>
      <c r="K46" s="200" t="s">
        <v>81</v>
      </c>
      <c r="L46" s="199" t="s">
        <v>81</v>
      </c>
      <c r="M46" s="199" t="s">
        <v>81</v>
      </c>
      <c r="N46" s="200" t="s">
        <v>81</v>
      </c>
      <c r="O46" s="199" t="s">
        <v>81</v>
      </c>
      <c r="P46" s="199" t="s">
        <v>158</v>
      </c>
      <c r="Q46" s="198" t="s">
        <v>158</v>
      </c>
      <c r="R46" s="186"/>
      <c r="S46" s="186"/>
      <c r="T46" s="186"/>
      <c r="U46" s="186"/>
      <c r="V46" s="186"/>
      <c r="W46" s="186"/>
      <c r="X46" s="186"/>
      <c r="Y46" s="186"/>
      <c r="Z46" s="186"/>
      <c r="AA46" s="186"/>
      <c r="AB46" s="186"/>
      <c r="AC46" s="186"/>
      <c r="AD46" s="186"/>
      <c r="AE46" s="186"/>
      <c r="AF46" s="186"/>
      <c r="AG46" s="186"/>
      <c r="AH46" s="186"/>
      <c r="AI46" s="186"/>
      <c r="AJ46" s="186"/>
      <c r="AK46" s="186"/>
    </row>
    <row r="47" spans="1:51" ht="19.5" customHeight="1" x14ac:dyDescent="0.15">
      <c r="A47" s="151">
        <v>305</v>
      </c>
      <c r="B47" s="348" t="s">
        <v>110</v>
      </c>
      <c r="C47" s="364" t="s">
        <v>81</v>
      </c>
      <c r="D47" s="364" t="s">
        <v>81</v>
      </c>
      <c r="E47" s="373" t="s">
        <v>81</v>
      </c>
      <c r="F47" s="202" t="s">
        <v>81</v>
      </c>
      <c r="G47" s="202" t="s">
        <v>81</v>
      </c>
      <c r="H47" s="201" t="s">
        <v>81</v>
      </c>
      <c r="I47" s="199" t="s">
        <v>81</v>
      </c>
      <c r="J47" s="199" t="s">
        <v>81</v>
      </c>
      <c r="K47" s="200" t="s">
        <v>81</v>
      </c>
      <c r="L47" s="199" t="s">
        <v>81</v>
      </c>
      <c r="M47" s="199" t="s">
        <v>81</v>
      </c>
      <c r="N47" s="200" t="s">
        <v>81</v>
      </c>
      <c r="O47" s="199" t="s">
        <v>81</v>
      </c>
      <c r="P47" s="199" t="s">
        <v>165</v>
      </c>
      <c r="Q47" s="198" t="s">
        <v>164</v>
      </c>
      <c r="R47" s="186"/>
      <c r="S47" s="186"/>
      <c r="T47" s="186"/>
      <c r="U47" s="186"/>
      <c r="V47" s="186"/>
      <c r="W47" s="186"/>
      <c r="X47" s="186"/>
      <c r="Y47" s="186"/>
      <c r="Z47" s="186"/>
      <c r="AA47" s="186"/>
      <c r="AB47" s="186"/>
      <c r="AC47" s="186"/>
      <c r="AD47" s="186"/>
      <c r="AE47" s="186"/>
      <c r="AF47" s="186"/>
      <c r="AG47" s="186"/>
      <c r="AH47" s="186"/>
      <c r="AI47" s="186"/>
      <c r="AJ47" s="186"/>
      <c r="AK47" s="186"/>
    </row>
    <row r="48" spans="1:51" ht="19.5" customHeight="1" thickBot="1" x14ac:dyDescent="0.2">
      <c r="A48" s="144">
        <v>306</v>
      </c>
      <c r="B48" s="350" t="s">
        <v>109</v>
      </c>
      <c r="C48" s="365" t="s">
        <v>81</v>
      </c>
      <c r="D48" s="365" t="s">
        <v>81</v>
      </c>
      <c r="E48" s="374" t="s">
        <v>81</v>
      </c>
      <c r="F48" s="197" t="s">
        <v>81</v>
      </c>
      <c r="G48" s="197" t="s">
        <v>81</v>
      </c>
      <c r="H48" s="196" t="s">
        <v>81</v>
      </c>
      <c r="I48" s="194" t="s">
        <v>81</v>
      </c>
      <c r="J48" s="194" t="s">
        <v>81</v>
      </c>
      <c r="K48" s="195" t="s">
        <v>81</v>
      </c>
      <c r="L48" s="194" t="s">
        <v>81</v>
      </c>
      <c r="M48" s="194" t="s">
        <v>81</v>
      </c>
      <c r="N48" s="195" t="s">
        <v>81</v>
      </c>
      <c r="O48" s="194" t="s">
        <v>81</v>
      </c>
      <c r="P48" s="194" t="s">
        <v>158</v>
      </c>
      <c r="Q48" s="193" t="s">
        <v>165</v>
      </c>
      <c r="R48" s="186"/>
      <c r="S48" s="186"/>
      <c r="T48" s="186"/>
      <c r="U48" s="186"/>
      <c r="V48" s="186"/>
      <c r="W48" s="186"/>
      <c r="X48" s="186"/>
      <c r="Y48" s="186"/>
      <c r="Z48" s="186"/>
      <c r="AA48" s="186"/>
      <c r="AB48" s="186"/>
      <c r="AC48" s="186"/>
      <c r="AD48" s="186"/>
      <c r="AE48" s="186"/>
      <c r="AF48" s="186"/>
      <c r="AG48" s="186"/>
      <c r="AH48" s="186"/>
      <c r="AI48" s="186"/>
      <c r="AJ48" s="186"/>
      <c r="AK48" s="186"/>
      <c r="AL48" s="186"/>
      <c r="AM48" s="186"/>
      <c r="AN48" s="186"/>
      <c r="AO48" s="186"/>
      <c r="AP48" s="186"/>
      <c r="AQ48" s="186"/>
      <c r="AR48" s="186"/>
      <c r="AS48" s="186"/>
      <c r="AT48" s="186"/>
      <c r="AU48" s="186"/>
      <c r="AV48" s="186"/>
      <c r="AW48" s="186"/>
      <c r="AX48" s="186"/>
      <c r="AY48" s="186"/>
    </row>
    <row r="49" spans="1:35" ht="19.5" customHeight="1" thickTop="1" thickBot="1" x14ac:dyDescent="0.2">
      <c r="A49" s="417" t="s">
        <v>71</v>
      </c>
      <c r="B49" s="418"/>
      <c r="C49" s="366">
        <v>410303</v>
      </c>
      <c r="D49" s="362" t="s">
        <v>81</v>
      </c>
      <c r="E49" s="375">
        <v>5.88</v>
      </c>
      <c r="F49" s="136">
        <v>409795</v>
      </c>
      <c r="G49" s="135" t="s">
        <v>81</v>
      </c>
      <c r="H49" s="130">
        <v>-0.12</v>
      </c>
      <c r="I49" s="131">
        <v>433873</v>
      </c>
      <c r="J49" s="131" t="s">
        <v>81</v>
      </c>
      <c r="K49" s="130">
        <v>5.88</v>
      </c>
      <c r="L49" s="131">
        <v>483345</v>
      </c>
      <c r="M49" s="131" t="s">
        <v>81</v>
      </c>
      <c r="N49" s="130">
        <v>11.4</v>
      </c>
      <c r="O49" s="125">
        <v>506393</v>
      </c>
      <c r="P49" s="134" t="s">
        <v>158</v>
      </c>
      <c r="Q49" s="192">
        <v>4.7699999999999996</v>
      </c>
    </row>
    <row r="50" spans="1:35" ht="19.5" customHeight="1" thickTop="1" thickBot="1" x14ac:dyDescent="0.2">
      <c r="A50" s="417" t="s">
        <v>141</v>
      </c>
      <c r="B50" s="418"/>
      <c r="C50" s="367" t="s">
        <v>81</v>
      </c>
      <c r="D50" s="367" t="s">
        <v>81</v>
      </c>
      <c r="E50" s="376" t="s">
        <v>81</v>
      </c>
      <c r="F50" s="191" t="s">
        <v>81</v>
      </c>
      <c r="G50" s="191" t="s">
        <v>81</v>
      </c>
      <c r="H50" s="190" t="s">
        <v>81</v>
      </c>
      <c r="I50" s="188" t="s">
        <v>81</v>
      </c>
      <c r="J50" s="188" t="s">
        <v>81</v>
      </c>
      <c r="K50" s="189" t="s">
        <v>81</v>
      </c>
      <c r="L50" s="188" t="s">
        <v>81</v>
      </c>
      <c r="M50" s="188" t="s">
        <v>81</v>
      </c>
      <c r="N50" s="189" t="s">
        <v>81</v>
      </c>
      <c r="O50" s="188" t="s">
        <v>81</v>
      </c>
      <c r="P50" s="188" t="s">
        <v>138</v>
      </c>
      <c r="Q50" s="187" t="s">
        <v>158</v>
      </c>
      <c r="R50" s="186"/>
      <c r="S50" s="186"/>
      <c r="T50" s="186"/>
      <c r="U50" s="186"/>
      <c r="V50" s="186"/>
      <c r="W50" s="186"/>
      <c r="X50" s="186"/>
      <c r="Y50" s="186"/>
      <c r="Z50" s="186"/>
      <c r="AA50" s="186"/>
      <c r="AB50" s="186"/>
      <c r="AC50" s="186"/>
      <c r="AD50" s="186"/>
      <c r="AE50" s="186"/>
      <c r="AF50" s="186"/>
      <c r="AG50" s="186"/>
      <c r="AH50" s="186"/>
      <c r="AI50" s="186"/>
    </row>
    <row r="51" spans="1:35" ht="19.5" customHeight="1" thickTop="1" thickBot="1" x14ac:dyDescent="0.2">
      <c r="A51" s="419" t="s">
        <v>139</v>
      </c>
      <c r="B51" s="420"/>
      <c r="C51" s="368">
        <v>410303</v>
      </c>
      <c r="D51" s="377" t="s">
        <v>81</v>
      </c>
      <c r="E51" s="378">
        <v>5.88</v>
      </c>
      <c r="F51" s="123">
        <v>409795</v>
      </c>
      <c r="G51" s="122" t="s">
        <v>81</v>
      </c>
      <c r="H51" s="117">
        <v>-0.12</v>
      </c>
      <c r="I51" s="118">
        <v>433873</v>
      </c>
      <c r="J51" s="118" t="s">
        <v>81</v>
      </c>
      <c r="K51" s="117">
        <v>5.88</v>
      </c>
      <c r="L51" s="118">
        <v>483345</v>
      </c>
      <c r="M51" s="118" t="s">
        <v>81</v>
      </c>
      <c r="N51" s="117">
        <v>11.4</v>
      </c>
      <c r="O51" s="112">
        <v>506393</v>
      </c>
      <c r="P51" s="121" t="s">
        <v>164</v>
      </c>
      <c r="Q51" s="185">
        <v>4.7699999999999996</v>
      </c>
    </row>
  </sheetData>
  <mergeCells count="9">
    <mergeCell ref="L3:N3"/>
    <mergeCell ref="O3:Q3"/>
    <mergeCell ref="A49:B49"/>
    <mergeCell ref="A50:B50"/>
    <mergeCell ref="A51:B51"/>
    <mergeCell ref="C3:E3"/>
    <mergeCell ref="F3:H3"/>
    <mergeCell ref="I3:K3"/>
    <mergeCell ref="A3:B5"/>
  </mergeCells>
  <phoneticPr fontId="2"/>
  <printOptions horizontalCentered="1" gridLinesSet="0"/>
  <pageMargins left="0.59055118110236227" right="0.59055118110236227" top="0.59055118110236227" bottom="0.59055118110236227" header="0.51181102362204722" footer="0.19685039370078741"/>
  <pageSetup paperSize="9" scale="85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48"/>
  <sheetViews>
    <sheetView zoomScaleNormal="100" zoomScaleSheetLayoutView="100" workbookViewId="0"/>
  </sheetViews>
  <sheetFormatPr defaultColWidth="9" defaultRowHeight="10.8" x14ac:dyDescent="0.15"/>
  <cols>
    <col min="1" max="1" width="3.6640625" style="109" customWidth="1"/>
    <col min="2" max="2" width="10" style="345" customWidth="1"/>
    <col min="3" max="3" width="8.109375" style="345" customWidth="1"/>
    <col min="4" max="4" width="3.109375" style="109" customWidth="1"/>
    <col min="5" max="5" width="6.109375" style="109" customWidth="1"/>
    <col min="6" max="6" width="8.109375" style="109" customWidth="1"/>
    <col min="7" max="7" width="3.109375" style="109" customWidth="1"/>
    <col min="8" max="8" width="6.109375" style="109" customWidth="1"/>
    <col min="9" max="9" width="8.109375" style="109" customWidth="1"/>
    <col min="10" max="10" width="3.109375" style="109" customWidth="1"/>
    <col min="11" max="11" width="6.109375" style="109" customWidth="1"/>
    <col min="12" max="12" width="8.109375" style="109" customWidth="1"/>
    <col min="13" max="13" width="3.109375" style="109" customWidth="1"/>
    <col min="14" max="14" width="6.109375" style="109" customWidth="1"/>
    <col min="15" max="15" width="8.109375" style="109" customWidth="1"/>
    <col min="16" max="16" width="3.109375" style="109" customWidth="1"/>
    <col min="17" max="17" width="6.109375" style="109" customWidth="1"/>
    <col min="18" max="16384" width="9" style="109"/>
  </cols>
  <sheetData>
    <row r="1" spans="1:17" ht="16.5" customHeight="1" x14ac:dyDescent="0.2">
      <c r="A1" s="179" t="s">
        <v>147</v>
      </c>
      <c r="O1" s="211"/>
    </row>
    <row r="2" spans="1:17" ht="10.5" customHeight="1" thickBot="1" x14ac:dyDescent="0.2">
      <c r="O2" s="184"/>
    </row>
    <row r="3" spans="1:17" ht="15" customHeight="1" x14ac:dyDescent="0.2">
      <c r="A3" s="422" t="s">
        <v>3</v>
      </c>
      <c r="B3" s="423"/>
      <c r="C3" s="415" t="s">
        <v>132</v>
      </c>
      <c r="D3" s="415"/>
      <c r="E3" s="415"/>
      <c r="F3" s="415" t="s">
        <v>131</v>
      </c>
      <c r="G3" s="421"/>
      <c r="H3" s="421"/>
      <c r="I3" s="415" t="s">
        <v>130</v>
      </c>
      <c r="J3" s="415"/>
      <c r="K3" s="415"/>
      <c r="L3" s="415" t="s">
        <v>129</v>
      </c>
      <c r="M3" s="421"/>
      <c r="N3" s="429"/>
      <c r="O3" s="415" t="s">
        <v>128</v>
      </c>
      <c r="P3" s="421"/>
      <c r="Q3" s="426"/>
    </row>
    <row r="4" spans="1:17" ht="12.75" customHeight="1" x14ac:dyDescent="0.15">
      <c r="A4" s="424"/>
      <c r="B4" s="425"/>
      <c r="C4" s="346" t="s">
        <v>125</v>
      </c>
      <c r="D4" s="174" t="s">
        <v>124</v>
      </c>
      <c r="E4" s="176" t="s">
        <v>136</v>
      </c>
      <c r="F4" s="177" t="s">
        <v>125</v>
      </c>
      <c r="G4" s="174" t="s">
        <v>124</v>
      </c>
      <c r="H4" s="176" t="s">
        <v>127</v>
      </c>
      <c r="I4" s="177" t="s">
        <v>125</v>
      </c>
      <c r="J4" s="174" t="s">
        <v>124</v>
      </c>
      <c r="K4" s="177" t="s">
        <v>126</v>
      </c>
      <c r="L4" s="177" t="s">
        <v>125</v>
      </c>
      <c r="M4" s="174" t="s">
        <v>124</v>
      </c>
      <c r="N4" s="183" t="s">
        <v>135</v>
      </c>
      <c r="O4" s="177" t="s">
        <v>125</v>
      </c>
      <c r="P4" s="174" t="s">
        <v>124</v>
      </c>
      <c r="Q4" s="173" t="s">
        <v>123</v>
      </c>
    </row>
    <row r="5" spans="1:17" s="167" customFormat="1" ht="12.75" customHeight="1" x14ac:dyDescent="0.15">
      <c r="A5" s="424"/>
      <c r="B5" s="425"/>
      <c r="C5" s="359" t="s">
        <v>121</v>
      </c>
      <c r="D5" s="169" t="s">
        <v>120</v>
      </c>
      <c r="E5" s="170" t="s">
        <v>122</v>
      </c>
      <c r="F5" s="170" t="s">
        <v>121</v>
      </c>
      <c r="G5" s="169" t="s">
        <v>120</v>
      </c>
      <c r="H5" s="170" t="s">
        <v>119</v>
      </c>
      <c r="I5" s="170" t="s">
        <v>121</v>
      </c>
      <c r="J5" s="169" t="s">
        <v>120</v>
      </c>
      <c r="K5" s="170" t="s">
        <v>122</v>
      </c>
      <c r="L5" s="170" t="s">
        <v>121</v>
      </c>
      <c r="M5" s="169" t="s">
        <v>120</v>
      </c>
      <c r="N5" s="182" t="s">
        <v>122</v>
      </c>
      <c r="O5" s="170" t="s">
        <v>121</v>
      </c>
      <c r="P5" s="169" t="s">
        <v>120</v>
      </c>
      <c r="Q5" s="181" t="s">
        <v>122</v>
      </c>
    </row>
    <row r="6" spans="1:17" ht="19.5" customHeight="1" x14ac:dyDescent="0.15">
      <c r="A6" s="166">
        <v>1</v>
      </c>
      <c r="B6" s="348" t="s">
        <v>17</v>
      </c>
      <c r="C6" s="379">
        <v>522870</v>
      </c>
      <c r="D6" s="222">
        <v>10</v>
      </c>
      <c r="E6" s="221">
        <v>2.27</v>
      </c>
      <c r="F6" s="222">
        <v>515127</v>
      </c>
      <c r="G6" s="222">
        <v>9</v>
      </c>
      <c r="H6" s="221">
        <v>-1.48</v>
      </c>
      <c r="I6" s="146">
        <v>523793</v>
      </c>
      <c r="J6" s="146">
        <v>8</v>
      </c>
      <c r="K6" s="149">
        <v>1.68</v>
      </c>
      <c r="L6" s="146">
        <v>525933</v>
      </c>
      <c r="M6" s="146">
        <v>6</v>
      </c>
      <c r="N6" s="149">
        <v>0.41</v>
      </c>
      <c r="O6" s="146">
        <v>535153</v>
      </c>
      <c r="P6" s="146">
        <v>9</v>
      </c>
      <c r="Q6" s="220">
        <v>1.75</v>
      </c>
    </row>
    <row r="7" spans="1:17" ht="19.5" customHeight="1" x14ac:dyDescent="0.15">
      <c r="A7" s="151">
        <v>2</v>
      </c>
      <c r="B7" s="348" t="s">
        <v>18</v>
      </c>
      <c r="C7" s="379">
        <v>556386</v>
      </c>
      <c r="D7" s="222">
        <v>2</v>
      </c>
      <c r="E7" s="221">
        <v>2.66</v>
      </c>
      <c r="F7" s="222">
        <v>546557</v>
      </c>
      <c r="G7" s="222">
        <v>2</v>
      </c>
      <c r="H7" s="221">
        <v>-1.77</v>
      </c>
      <c r="I7" s="146">
        <v>546933</v>
      </c>
      <c r="J7" s="146">
        <v>2</v>
      </c>
      <c r="K7" s="149">
        <v>7.0000000000000007E-2</v>
      </c>
      <c r="L7" s="146">
        <v>546567</v>
      </c>
      <c r="M7" s="146">
        <v>1</v>
      </c>
      <c r="N7" s="149">
        <v>-7.0000000000000007E-2</v>
      </c>
      <c r="O7" s="146">
        <v>557041</v>
      </c>
      <c r="P7" s="146">
        <v>1</v>
      </c>
      <c r="Q7" s="220">
        <v>1.92</v>
      </c>
    </row>
    <row r="8" spans="1:17" ht="19.5" customHeight="1" x14ac:dyDescent="0.15">
      <c r="A8" s="151">
        <v>3</v>
      </c>
      <c r="B8" s="348" t="s">
        <v>19</v>
      </c>
      <c r="C8" s="379">
        <v>533819</v>
      </c>
      <c r="D8" s="222">
        <v>6</v>
      </c>
      <c r="E8" s="221">
        <v>2.06</v>
      </c>
      <c r="F8" s="222">
        <v>526250</v>
      </c>
      <c r="G8" s="222">
        <v>4</v>
      </c>
      <c r="H8" s="221">
        <v>-1.42</v>
      </c>
      <c r="I8" s="146">
        <v>531374</v>
      </c>
      <c r="J8" s="146">
        <v>5</v>
      </c>
      <c r="K8" s="149">
        <v>0.97</v>
      </c>
      <c r="L8" s="146">
        <v>536577</v>
      </c>
      <c r="M8" s="146">
        <v>3</v>
      </c>
      <c r="N8" s="149">
        <v>0.98</v>
      </c>
      <c r="O8" s="146">
        <v>546279</v>
      </c>
      <c r="P8" s="146">
        <v>4</v>
      </c>
      <c r="Q8" s="220">
        <v>1.81</v>
      </c>
    </row>
    <row r="9" spans="1:17" ht="19.5" customHeight="1" x14ac:dyDescent="0.15">
      <c r="A9" s="151">
        <v>4</v>
      </c>
      <c r="B9" s="348" t="s">
        <v>20</v>
      </c>
      <c r="C9" s="379">
        <v>495720</v>
      </c>
      <c r="D9" s="222">
        <v>22</v>
      </c>
      <c r="E9" s="221">
        <v>5.1100000000000003</v>
      </c>
      <c r="F9" s="222">
        <v>494199</v>
      </c>
      <c r="G9" s="222">
        <v>18</v>
      </c>
      <c r="H9" s="221">
        <v>-0.31</v>
      </c>
      <c r="I9" s="146">
        <v>506448</v>
      </c>
      <c r="J9" s="146">
        <v>14</v>
      </c>
      <c r="K9" s="149">
        <v>2.48</v>
      </c>
      <c r="L9" s="146">
        <v>506238</v>
      </c>
      <c r="M9" s="146">
        <v>15</v>
      </c>
      <c r="N9" s="149">
        <v>-0.04</v>
      </c>
      <c r="O9" s="146">
        <v>510392</v>
      </c>
      <c r="P9" s="146">
        <v>19</v>
      </c>
      <c r="Q9" s="220">
        <v>0.82</v>
      </c>
    </row>
    <row r="10" spans="1:17" ht="19.5" customHeight="1" x14ac:dyDescent="0.15">
      <c r="A10" s="151">
        <v>5</v>
      </c>
      <c r="B10" s="348" t="s">
        <v>21</v>
      </c>
      <c r="C10" s="379">
        <v>487842</v>
      </c>
      <c r="D10" s="222">
        <v>25</v>
      </c>
      <c r="E10" s="221">
        <v>2.41</v>
      </c>
      <c r="F10" s="222">
        <v>483478</v>
      </c>
      <c r="G10" s="222">
        <v>24</v>
      </c>
      <c r="H10" s="221">
        <v>-0.89</v>
      </c>
      <c r="I10" s="146">
        <v>482769</v>
      </c>
      <c r="J10" s="146">
        <v>28</v>
      </c>
      <c r="K10" s="149">
        <v>-0.15</v>
      </c>
      <c r="L10" s="146">
        <v>486445</v>
      </c>
      <c r="M10" s="146">
        <v>23</v>
      </c>
      <c r="N10" s="149">
        <v>0.76</v>
      </c>
      <c r="O10" s="146">
        <v>500833</v>
      </c>
      <c r="P10" s="146">
        <v>26</v>
      </c>
      <c r="Q10" s="220">
        <v>2.96</v>
      </c>
    </row>
    <row r="11" spans="1:17" ht="19.5" customHeight="1" x14ac:dyDescent="0.15">
      <c r="A11" s="151">
        <v>6</v>
      </c>
      <c r="B11" s="348" t="s">
        <v>22</v>
      </c>
      <c r="C11" s="379">
        <v>501032</v>
      </c>
      <c r="D11" s="222">
        <v>16</v>
      </c>
      <c r="E11" s="221">
        <v>2.42</v>
      </c>
      <c r="F11" s="222">
        <v>488711</v>
      </c>
      <c r="G11" s="222">
        <v>22</v>
      </c>
      <c r="H11" s="221">
        <v>-2.46</v>
      </c>
      <c r="I11" s="146">
        <v>491289</v>
      </c>
      <c r="J11" s="146">
        <v>21</v>
      </c>
      <c r="K11" s="149">
        <v>0.53</v>
      </c>
      <c r="L11" s="146">
        <v>483189</v>
      </c>
      <c r="M11" s="146">
        <v>25</v>
      </c>
      <c r="N11" s="149">
        <v>-1.65</v>
      </c>
      <c r="O11" s="146">
        <v>516616</v>
      </c>
      <c r="P11" s="146">
        <v>15</v>
      </c>
      <c r="Q11" s="220">
        <v>6.92</v>
      </c>
    </row>
    <row r="12" spans="1:17" ht="19.5" customHeight="1" x14ac:dyDescent="0.15">
      <c r="A12" s="151">
        <v>7</v>
      </c>
      <c r="B12" s="348" t="s">
        <v>23</v>
      </c>
      <c r="C12" s="379">
        <v>530161</v>
      </c>
      <c r="D12" s="222">
        <v>9</v>
      </c>
      <c r="E12" s="221">
        <v>1.72</v>
      </c>
      <c r="F12" s="222">
        <v>505808</v>
      </c>
      <c r="G12" s="222">
        <v>10</v>
      </c>
      <c r="H12" s="221">
        <v>-4.59</v>
      </c>
      <c r="I12" s="146">
        <v>518706</v>
      </c>
      <c r="J12" s="146">
        <v>9</v>
      </c>
      <c r="K12" s="149">
        <v>2.5499999999999998</v>
      </c>
      <c r="L12" s="146">
        <v>528402</v>
      </c>
      <c r="M12" s="146">
        <v>5</v>
      </c>
      <c r="N12" s="149">
        <v>1.87</v>
      </c>
      <c r="O12" s="146">
        <v>548678</v>
      </c>
      <c r="P12" s="146">
        <v>3</v>
      </c>
      <c r="Q12" s="220">
        <v>3.84</v>
      </c>
    </row>
    <row r="13" spans="1:17" ht="19.5" customHeight="1" x14ac:dyDescent="0.15">
      <c r="A13" s="151">
        <v>8</v>
      </c>
      <c r="B13" s="348" t="s">
        <v>24</v>
      </c>
      <c r="C13" s="379">
        <v>489442</v>
      </c>
      <c r="D13" s="222">
        <v>24</v>
      </c>
      <c r="E13" s="221">
        <v>3.5</v>
      </c>
      <c r="F13" s="222">
        <v>476720</v>
      </c>
      <c r="G13" s="222">
        <v>27</v>
      </c>
      <c r="H13" s="221">
        <v>-2.6</v>
      </c>
      <c r="I13" s="146">
        <v>483715</v>
      </c>
      <c r="J13" s="146">
        <v>27</v>
      </c>
      <c r="K13" s="149">
        <v>1.47</v>
      </c>
      <c r="L13" s="146">
        <v>487215</v>
      </c>
      <c r="M13" s="146">
        <v>22</v>
      </c>
      <c r="N13" s="149">
        <v>0.72</v>
      </c>
      <c r="O13" s="146">
        <v>502863</v>
      </c>
      <c r="P13" s="146">
        <v>22</v>
      </c>
      <c r="Q13" s="220">
        <v>3.21</v>
      </c>
    </row>
    <row r="14" spans="1:17" ht="19.5" customHeight="1" x14ac:dyDescent="0.15">
      <c r="A14" s="151">
        <v>9</v>
      </c>
      <c r="B14" s="348" t="s">
        <v>25</v>
      </c>
      <c r="C14" s="379">
        <v>531719</v>
      </c>
      <c r="D14" s="222">
        <v>8</v>
      </c>
      <c r="E14" s="221">
        <v>0.97</v>
      </c>
      <c r="F14" s="222">
        <v>521917</v>
      </c>
      <c r="G14" s="222">
        <v>6</v>
      </c>
      <c r="H14" s="221">
        <v>-1.84</v>
      </c>
      <c r="I14" s="146">
        <v>544881</v>
      </c>
      <c r="J14" s="146">
        <v>4</v>
      </c>
      <c r="K14" s="149">
        <v>4.4000000000000004</v>
      </c>
      <c r="L14" s="146">
        <v>519052</v>
      </c>
      <c r="M14" s="146">
        <v>10</v>
      </c>
      <c r="N14" s="149">
        <v>-4.74</v>
      </c>
      <c r="O14" s="146">
        <v>533088</v>
      </c>
      <c r="P14" s="146">
        <v>10</v>
      </c>
      <c r="Q14" s="220">
        <v>2.7</v>
      </c>
    </row>
    <row r="15" spans="1:17" ht="19.5" customHeight="1" x14ac:dyDescent="0.15">
      <c r="A15" s="151">
        <v>10</v>
      </c>
      <c r="B15" s="348" t="s">
        <v>26</v>
      </c>
      <c r="C15" s="379">
        <v>500535</v>
      </c>
      <c r="D15" s="222">
        <v>17</v>
      </c>
      <c r="E15" s="221">
        <v>2.2599999999999998</v>
      </c>
      <c r="F15" s="222">
        <v>496330</v>
      </c>
      <c r="G15" s="222">
        <v>15</v>
      </c>
      <c r="H15" s="221">
        <v>-0.84</v>
      </c>
      <c r="I15" s="146">
        <v>495162</v>
      </c>
      <c r="J15" s="146">
        <v>18</v>
      </c>
      <c r="K15" s="149">
        <v>-0.24</v>
      </c>
      <c r="L15" s="146">
        <v>501648</v>
      </c>
      <c r="M15" s="146">
        <v>18</v>
      </c>
      <c r="N15" s="149">
        <v>1.31</v>
      </c>
      <c r="O15" s="146">
        <v>507191</v>
      </c>
      <c r="P15" s="146">
        <v>20</v>
      </c>
      <c r="Q15" s="220">
        <v>1.1000000000000001</v>
      </c>
    </row>
    <row r="16" spans="1:17" ht="19.5" customHeight="1" x14ac:dyDescent="0.15">
      <c r="A16" s="151">
        <v>11</v>
      </c>
      <c r="B16" s="348" t="s">
        <v>27</v>
      </c>
      <c r="C16" s="379">
        <v>548901</v>
      </c>
      <c r="D16" s="222">
        <v>4</v>
      </c>
      <c r="E16" s="221">
        <v>5.07</v>
      </c>
      <c r="F16" s="222">
        <v>496246</v>
      </c>
      <c r="G16" s="222">
        <v>17</v>
      </c>
      <c r="H16" s="221">
        <v>-9.59</v>
      </c>
      <c r="I16" s="146">
        <v>513890</v>
      </c>
      <c r="J16" s="146">
        <v>12</v>
      </c>
      <c r="K16" s="149">
        <v>3.56</v>
      </c>
      <c r="L16" s="146">
        <v>522359</v>
      </c>
      <c r="M16" s="146">
        <v>7</v>
      </c>
      <c r="N16" s="149">
        <v>1.65</v>
      </c>
      <c r="O16" s="146">
        <v>537333</v>
      </c>
      <c r="P16" s="146">
        <v>8</v>
      </c>
      <c r="Q16" s="220">
        <v>2.87</v>
      </c>
    </row>
    <row r="17" spans="1:17" ht="19.5" customHeight="1" x14ac:dyDescent="0.15">
      <c r="A17" s="151">
        <v>12</v>
      </c>
      <c r="B17" s="348" t="s">
        <v>28</v>
      </c>
      <c r="C17" s="379">
        <v>458958</v>
      </c>
      <c r="D17" s="222">
        <v>31</v>
      </c>
      <c r="E17" s="221">
        <v>1.17</v>
      </c>
      <c r="F17" s="222">
        <v>458445</v>
      </c>
      <c r="G17" s="222">
        <v>30</v>
      </c>
      <c r="H17" s="221">
        <v>-0.11</v>
      </c>
      <c r="I17" s="146">
        <v>463588</v>
      </c>
      <c r="J17" s="146">
        <v>30</v>
      </c>
      <c r="K17" s="149">
        <v>1.1200000000000001</v>
      </c>
      <c r="L17" s="146">
        <v>467608</v>
      </c>
      <c r="M17" s="146">
        <v>29</v>
      </c>
      <c r="N17" s="149">
        <v>0.87</v>
      </c>
      <c r="O17" s="146">
        <v>486892</v>
      </c>
      <c r="P17" s="146">
        <v>31</v>
      </c>
      <c r="Q17" s="220">
        <v>4.12</v>
      </c>
    </row>
    <row r="18" spans="1:17" ht="19.5" customHeight="1" x14ac:dyDescent="0.15">
      <c r="A18" s="151">
        <v>13</v>
      </c>
      <c r="B18" s="348" t="s">
        <v>29</v>
      </c>
      <c r="C18" s="379">
        <v>498517</v>
      </c>
      <c r="D18" s="222">
        <v>19</v>
      </c>
      <c r="E18" s="221">
        <v>0.86</v>
      </c>
      <c r="F18" s="222">
        <v>499557</v>
      </c>
      <c r="G18" s="222">
        <v>13</v>
      </c>
      <c r="H18" s="221">
        <v>0.21</v>
      </c>
      <c r="I18" s="146">
        <v>481768</v>
      </c>
      <c r="J18" s="146">
        <v>29</v>
      </c>
      <c r="K18" s="149">
        <v>-3.56</v>
      </c>
      <c r="L18" s="146">
        <v>489506</v>
      </c>
      <c r="M18" s="146">
        <v>21</v>
      </c>
      <c r="N18" s="149">
        <v>1.61</v>
      </c>
      <c r="O18" s="146">
        <v>493759</v>
      </c>
      <c r="P18" s="146">
        <v>28</v>
      </c>
      <c r="Q18" s="220">
        <v>0.87</v>
      </c>
    </row>
    <row r="19" spans="1:17" ht="19.5" customHeight="1" x14ac:dyDescent="0.15">
      <c r="A19" s="151">
        <v>14</v>
      </c>
      <c r="B19" s="348" t="s">
        <v>30</v>
      </c>
      <c r="C19" s="379">
        <v>497583</v>
      </c>
      <c r="D19" s="222">
        <v>21</v>
      </c>
      <c r="E19" s="221">
        <v>5.19</v>
      </c>
      <c r="F19" s="222">
        <v>498478</v>
      </c>
      <c r="G19" s="222">
        <v>14</v>
      </c>
      <c r="H19" s="221">
        <v>0.18</v>
      </c>
      <c r="I19" s="146">
        <v>493050</v>
      </c>
      <c r="J19" s="146">
        <v>19</v>
      </c>
      <c r="K19" s="149">
        <v>-1.0900000000000001</v>
      </c>
      <c r="L19" s="146">
        <v>497607</v>
      </c>
      <c r="M19" s="146">
        <v>19</v>
      </c>
      <c r="N19" s="149">
        <v>0.92</v>
      </c>
      <c r="O19" s="146">
        <v>501214</v>
      </c>
      <c r="P19" s="146">
        <v>25</v>
      </c>
      <c r="Q19" s="220">
        <v>0.72</v>
      </c>
    </row>
    <row r="20" spans="1:17" ht="19.5" customHeight="1" x14ac:dyDescent="0.15">
      <c r="A20" s="151">
        <v>15</v>
      </c>
      <c r="B20" s="348" t="s">
        <v>31</v>
      </c>
      <c r="C20" s="379">
        <v>498068</v>
      </c>
      <c r="D20" s="222">
        <v>20</v>
      </c>
      <c r="E20" s="221">
        <v>3.68</v>
      </c>
      <c r="F20" s="222">
        <v>492675</v>
      </c>
      <c r="G20" s="222">
        <v>20</v>
      </c>
      <c r="H20" s="221">
        <v>-1.08</v>
      </c>
      <c r="I20" s="146">
        <v>492711</v>
      </c>
      <c r="J20" s="146">
        <v>20</v>
      </c>
      <c r="K20" s="149">
        <v>0.01</v>
      </c>
      <c r="L20" s="146">
        <v>504496</v>
      </c>
      <c r="M20" s="146">
        <v>16</v>
      </c>
      <c r="N20" s="149">
        <v>2.39</v>
      </c>
      <c r="O20" s="146">
        <v>514640</v>
      </c>
      <c r="P20" s="146">
        <v>16</v>
      </c>
      <c r="Q20" s="220">
        <v>2.0099999999999998</v>
      </c>
    </row>
    <row r="21" spans="1:17" ht="19.5" customHeight="1" x14ac:dyDescent="0.15">
      <c r="A21" s="151">
        <v>16</v>
      </c>
      <c r="B21" s="348" t="s">
        <v>32</v>
      </c>
      <c r="C21" s="379">
        <v>453063</v>
      </c>
      <c r="D21" s="222">
        <v>32</v>
      </c>
      <c r="E21" s="221">
        <v>-1.45</v>
      </c>
      <c r="F21" s="222">
        <v>450063</v>
      </c>
      <c r="G21" s="222">
        <v>31</v>
      </c>
      <c r="H21" s="221">
        <v>-0.66</v>
      </c>
      <c r="I21" s="146">
        <v>461970</v>
      </c>
      <c r="J21" s="146">
        <v>31</v>
      </c>
      <c r="K21" s="149">
        <v>2.65</v>
      </c>
      <c r="L21" s="146">
        <v>456575</v>
      </c>
      <c r="M21" s="146">
        <v>32</v>
      </c>
      <c r="N21" s="149">
        <v>-1.17</v>
      </c>
      <c r="O21" s="146">
        <v>471362</v>
      </c>
      <c r="P21" s="146">
        <v>32</v>
      </c>
      <c r="Q21" s="220">
        <v>3.24</v>
      </c>
    </row>
    <row r="22" spans="1:17" ht="19.5" customHeight="1" x14ac:dyDescent="0.15">
      <c r="A22" s="151">
        <v>17</v>
      </c>
      <c r="B22" s="348" t="s">
        <v>33</v>
      </c>
      <c r="C22" s="379">
        <v>500365</v>
      </c>
      <c r="D22" s="222">
        <v>18</v>
      </c>
      <c r="E22" s="221">
        <v>5.37</v>
      </c>
      <c r="F22" s="222">
        <v>482118</v>
      </c>
      <c r="G22" s="222">
        <v>26</v>
      </c>
      <c r="H22" s="221">
        <v>-3.65</v>
      </c>
      <c r="I22" s="146">
        <v>490670</v>
      </c>
      <c r="J22" s="146">
        <v>22</v>
      </c>
      <c r="K22" s="149">
        <v>1.77</v>
      </c>
      <c r="L22" s="146">
        <v>494934</v>
      </c>
      <c r="M22" s="146">
        <v>20</v>
      </c>
      <c r="N22" s="149">
        <v>0.87</v>
      </c>
      <c r="O22" s="146">
        <v>501892</v>
      </c>
      <c r="P22" s="146">
        <v>24</v>
      </c>
      <c r="Q22" s="220">
        <v>1.41</v>
      </c>
    </row>
    <row r="23" spans="1:17" ht="19.5" customHeight="1" x14ac:dyDescent="0.15">
      <c r="A23" s="151">
        <v>18</v>
      </c>
      <c r="B23" s="348" t="s">
        <v>34</v>
      </c>
      <c r="C23" s="379">
        <v>519339</v>
      </c>
      <c r="D23" s="222">
        <v>11</v>
      </c>
      <c r="E23" s="221">
        <v>8.11</v>
      </c>
      <c r="F23" s="222">
        <v>504756</v>
      </c>
      <c r="G23" s="222">
        <v>11</v>
      </c>
      <c r="H23" s="221">
        <v>-2.81</v>
      </c>
      <c r="I23" s="146">
        <v>507249</v>
      </c>
      <c r="J23" s="146">
        <v>13</v>
      </c>
      <c r="K23" s="149">
        <v>0.49</v>
      </c>
      <c r="L23" s="146">
        <v>474249</v>
      </c>
      <c r="M23" s="146">
        <v>28</v>
      </c>
      <c r="N23" s="149">
        <v>-6.51</v>
      </c>
      <c r="O23" s="146">
        <v>518535</v>
      </c>
      <c r="P23" s="146">
        <v>14</v>
      </c>
      <c r="Q23" s="220">
        <v>9.34</v>
      </c>
    </row>
    <row r="24" spans="1:17" ht="19.5" customHeight="1" x14ac:dyDescent="0.15">
      <c r="A24" s="151">
        <v>19</v>
      </c>
      <c r="B24" s="348" t="s">
        <v>35</v>
      </c>
      <c r="C24" s="379">
        <v>483345</v>
      </c>
      <c r="D24" s="222">
        <v>27</v>
      </c>
      <c r="E24" s="221">
        <v>4.32</v>
      </c>
      <c r="F24" s="222">
        <v>467477</v>
      </c>
      <c r="G24" s="222">
        <v>28</v>
      </c>
      <c r="H24" s="221">
        <v>-3.28</v>
      </c>
      <c r="I24" s="146">
        <v>486343</v>
      </c>
      <c r="J24" s="146">
        <v>25</v>
      </c>
      <c r="K24" s="149">
        <v>4.04</v>
      </c>
      <c r="L24" s="146">
        <v>479309</v>
      </c>
      <c r="M24" s="146">
        <v>27</v>
      </c>
      <c r="N24" s="149">
        <v>-1.45</v>
      </c>
      <c r="O24" s="146">
        <v>514061</v>
      </c>
      <c r="P24" s="146">
        <v>17</v>
      </c>
      <c r="Q24" s="220">
        <v>7.25</v>
      </c>
    </row>
    <row r="25" spans="1:17" ht="19.5" customHeight="1" x14ac:dyDescent="0.15">
      <c r="A25" s="151">
        <v>20</v>
      </c>
      <c r="B25" s="348" t="s">
        <v>36</v>
      </c>
      <c r="C25" s="379">
        <v>517663</v>
      </c>
      <c r="D25" s="222">
        <v>12</v>
      </c>
      <c r="E25" s="221">
        <v>-1.32</v>
      </c>
      <c r="F25" s="222">
        <v>488404</v>
      </c>
      <c r="G25" s="222">
        <v>23</v>
      </c>
      <c r="H25" s="221">
        <v>-5.65</v>
      </c>
      <c r="I25" s="146">
        <v>496043</v>
      </c>
      <c r="J25" s="146">
        <v>16</v>
      </c>
      <c r="K25" s="149">
        <v>1.56</v>
      </c>
      <c r="L25" s="146">
        <v>481982</v>
      </c>
      <c r="M25" s="146">
        <v>26</v>
      </c>
      <c r="N25" s="149">
        <v>-2.83</v>
      </c>
      <c r="O25" s="146">
        <v>488969</v>
      </c>
      <c r="P25" s="146">
        <v>30</v>
      </c>
      <c r="Q25" s="220">
        <v>1.45</v>
      </c>
    </row>
    <row r="26" spans="1:17" ht="19.5" customHeight="1" x14ac:dyDescent="0.15">
      <c r="A26" s="151">
        <v>21</v>
      </c>
      <c r="B26" s="348" t="s">
        <v>37</v>
      </c>
      <c r="C26" s="379">
        <v>466032</v>
      </c>
      <c r="D26" s="222">
        <v>29</v>
      </c>
      <c r="E26" s="221">
        <v>0.63</v>
      </c>
      <c r="F26" s="222">
        <v>467001</v>
      </c>
      <c r="G26" s="222">
        <v>29</v>
      </c>
      <c r="H26" s="221">
        <v>0.21</v>
      </c>
      <c r="I26" s="146">
        <v>484990</v>
      </c>
      <c r="J26" s="146">
        <v>26</v>
      </c>
      <c r="K26" s="149">
        <v>3.85</v>
      </c>
      <c r="L26" s="146">
        <v>502250</v>
      </c>
      <c r="M26" s="146">
        <v>17</v>
      </c>
      <c r="N26" s="149">
        <v>3.56</v>
      </c>
      <c r="O26" s="146">
        <v>506135</v>
      </c>
      <c r="P26" s="146">
        <v>21</v>
      </c>
      <c r="Q26" s="220">
        <v>0.77</v>
      </c>
    </row>
    <row r="27" spans="1:17" ht="19.5" customHeight="1" x14ac:dyDescent="0.15">
      <c r="A27" s="151">
        <v>22</v>
      </c>
      <c r="B27" s="348" t="s">
        <v>38</v>
      </c>
      <c r="C27" s="379">
        <v>487260</v>
      </c>
      <c r="D27" s="222">
        <v>26</v>
      </c>
      <c r="E27" s="221">
        <v>0.79</v>
      </c>
      <c r="F27" s="222">
        <v>482149</v>
      </c>
      <c r="G27" s="222">
        <v>25</v>
      </c>
      <c r="H27" s="221">
        <v>-1.05</v>
      </c>
      <c r="I27" s="146">
        <v>488713</v>
      </c>
      <c r="J27" s="146">
        <v>24</v>
      </c>
      <c r="K27" s="149">
        <v>1.36</v>
      </c>
      <c r="L27" s="146">
        <v>512476</v>
      </c>
      <c r="M27" s="146">
        <v>14</v>
      </c>
      <c r="N27" s="149">
        <v>4.8600000000000003</v>
      </c>
      <c r="O27" s="146">
        <v>502344</v>
      </c>
      <c r="P27" s="146">
        <v>23</v>
      </c>
      <c r="Q27" s="220">
        <v>-1.98</v>
      </c>
    </row>
    <row r="28" spans="1:17" ht="19.5" customHeight="1" x14ac:dyDescent="0.15">
      <c r="A28" s="151">
        <v>23</v>
      </c>
      <c r="B28" s="348" t="s">
        <v>39</v>
      </c>
      <c r="C28" s="379">
        <v>501702</v>
      </c>
      <c r="D28" s="222">
        <v>15</v>
      </c>
      <c r="E28" s="221">
        <v>8.93</v>
      </c>
      <c r="F28" s="222">
        <v>489871</v>
      </c>
      <c r="G28" s="222">
        <v>21</v>
      </c>
      <c r="H28" s="221">
        <v>-2.36</v>
      </c>
      <c r="I28" s="146">
        <v>495808</v>
      </c>
      <c r="J28" s="146">
        <v>17</v>
      </c>
      <c r="K28" s="149">
        <v>1.21</v>
      </c>
      <c r="L28" s="146">
        <v>465879</v>
      </c>
      <c r="M28" s="146">
        <v>30</v>
      </c>
      <c r="N28" s="149">
        <v>-6.04</v>
      </c>
      <c r="O28" s="146">
        <v>489989</v>
      </c>
      <c r="P28" s="146">
        <v>29</v>
      </c>
      <c r="Q28" s="220">
        <v>5.18</v>
      </c>
    </row>
    <row r="29" spans="1:17" ht="19.5" customHeight="1" x14ac:dyDescent="0.15">
      <c r="A29" s="151">
        <v>24</v>
      </c>
      <c r="B29" s="348" t="s">
        <v>40</v>
      </c>
      <c r="C29" s="379">
        <v>494423</v>
      </c>
      <c r="D29" s="222">
        <v>23</v>
      </c>
      <c r="E29" s="221">
        <v>0.16</v>
      </c>
      <c r="F29" s="222">
        <v>496316</v>
      </c>
      <c r="G29" s="222">
        <v>16</v>
      </c>
      <c r="H29" s="221">
        <v>0.38</v>
      </c>
      <c r="I29" s="146">
        <v>515116</v>
      </c>
      <c r="J29" s="146">
        <v>11</v>
      </c>
      <c r="K29" s="149">
        <v>3.79</v>
      </c>
      <c r="L29" s="146">
        <v>463464</v>
      </c>
      <c r="M29" s="146">
        <v>31</v>
      </c>
      <c r="N29" s="149">
        <v>-10.029999999999999</v>
      </c>
      <c r="O29" s="146">
        <v>500279</v>
      </c>
      <c r="P29" s="146">
        <v>27</v>
      </c>
      <c r="Q29" s="220">
        <v>7.94</v>
      </c>
    </row>
    <row r="30" spans="1:17" ht="19.5" customHeight="1" x14ac:dyDescent="0.15">
      <c r="A30" s="151">
        <v>25</v>
      </c>
      <c r="B30" s="348" t="s">
        <v>41</v>
      </c>
      <c r="C30" s="379">
        <v>464481</v>
      </c>
      <c r="D30" s="222">
        <v>30</v>
      </c>
      <c r="E30" s="221">
        <v>-3.97</v>
      </c>
      <c r="F30" s="222">
        <v>434369</v>
      </c>
      <c r="G30" s="222">
        <v>33</v>
      </c>
      <c r="H30" s="221">
        <v>-6.48</v>
      </c>
      <c r="I30" s="146">
        <v>438524</v>
      </c>
      <c r="J30" s="146">
        <v>32</v>
      </c>
      <c r="K30" s="149">
        <v>0.96</v>
      </c>
      <c r="L30" s="146">
        <v>430959</v>
      </c>
      <c r="M30" s="146">
        <v>33</v>
      </c>
      <c r="N30" s="149">
        <v>-1.73</v>
      </c>
      <c r="O30" s="146">
        <v>459145</v>
      </c>
      <c r="P30" s="146">
        <v>33</v>
      </c>
      <c r="Q30" s="220">
        <v>6.54</v>
      </c>
    </row>
    <row r="31" spans="1:17" ht="19.5" customHeight="1" x14ac:dyDescent="0.15">
      <c r="A31" s="151">
        <v>26</v>
      </c>
      <c r="B31" s="348" t="s">
        <v>42</v>
      </c>
      <c r="C31" s="379">
        <v>533256</v>
      </c>
      <c r="D31" s="222">
        <v>7</v>
      </c>
      <c r="E31" s="221">
        <v>10.02</v>
      </c>
      <c r="F31" s="222">
        <v>519953</v>
      </c>
      <c r="G31" s="222">
        <v>7</v>
      </c>
      <c r="H31" s="221">
        <v>-2.4900000000000002</v>
      </c>
      <c r="I31" s="146">
        <v>528243</v>
      </c>
      <c r="J31" s="146">
        <v>6</v>
      </c>
      <c r="K31" s="149">
        <v>1.59</v>
      </c>
      <c r="L31" s="146">
        <v>520335</v>
      </c>
      <c r="M31" s="146">
        <v>9</v>
      </c>
      <c r="N31" s="149">
        <v>-1.5</v>
      </c>
      <c r="O31" s="146">
        <v>538516</v>
      </c>
      <c r="P31" s="146">
        <v>7</v>
      </c>
      <c r="Q31" s="220">
        <v>3.49</v>
      </c>
    </row>
    <row r="32" spans="1:17" ht="19.5" customHeight="1" x14ac:dyDescent="0.15">
      <c r="A32" s="151">
        <v>27</v>
      </c>
      <c r="B32" s="348" t="s">
        <v>43</v>
      </c>
      <c r="C32" s="379">
        <v>540019</v>
      </c>
      <c r="D32" s="222">
        <v>5</v>
      </c>
      <c r="E32" s="221">
        <v>2.73</v>
      </c>
      <c r="F32" s="222">
        <v>595639</v>
      </c>
      <c r="G32" s="222">
        <v>1</v>
      </c>
      <c r="H32" s="221">
        <v>10.3</v>
      </c>
      <c r="I32" s="146">
        <v>525133</v>
      </c>
      <c r="J32" s="146">
        <v>7</v>
      </c>
      <c r="K32" s="149">
        <v>-11.84</v>
      </c>
      <c r="L32" s="146">
        <v>537932</v>
      </c>
      <c r="M32" s="146">
        <v>2</v>
      </c>
      <c r="N32" s="149">
        <v>2.44</v>
      </c>
      <c r="O32" s="146">
        <v>555886</v>
      </c>
      <c r="P32" s="146">
        <v>2</v>
      </c>
      <c r="Q32" s="220">
        <v>3.34</v>
      </c>
    </row>
    <row r="33" spans="1:17" ht="19.5" customHeight="1" x14ac:dyDescent="0.15">
      <c r="A33" s="151">
        <v>28</v>
      </c>
      <c r="B33" s="348" t="s">
        <v>44</v>
      </c>
      <c r="C33" s="379">
        <v>468346</v>
      </c>
      <c r="D33" s="222">
        <v>28</v>
      </c>
      <c r="E33" s="221">
        <v>-2.1800000000000002</v>
      </c>
      <c r="F33" s="222">
        <v>535687</v>
      </c>
      <c r="G33" s="222">
        <v>3</v>
      </c>
      <c r="H33" s="221">
        <v>14.38</v>
      </c>
      <c r="I33" s="146">
        <v>556978</v>
      </c>
      <c r="J33" s="146">
        <v>1</v>
      </c>
      <c r="K33" s="149">
        <v>3.97</v>
      </c>
      <c r="L33" s="146">
        <v>520852</v>
      </c>
      <c r="M33" s="146">
        <v>8</v>
      </c>
      <c r="N33" s="149">
        <v>-6.49</v>
      </c>
      <c r="O33" s="146">
        <v>523783</v>
      </c>
      <c r="P33" s="146">
        <v>11</v>
      </c>
      <c r="Q33" s="220">
        <v>0.56000000000000005</v>
      </c>
    </row>
    <row r="34" spans="1:17" ht="19.5" customHeight="1" x14ac:dyDescent="0.15">
      <c r="A34" s="151">
        <v>29</v>
      </c>
      <c r="B34" s="348" t="s">
        <v>45</v>
      </c>
      <c r="C34" s="379">
        <v>574955</v>
      </c>
      <c r="D34" s="222">
        <v>1</v>
      </c>
      <c r="E34" s="221">
        <v>19.899999999999999</v>
      </c>
      <c r="F34" s="222">
        <v>522482</v>
      </c>
      <c r="G34" s="222">
        <v>5</v>
      </c>
      <c r="H34" s="221">
        <v>-9.1300000000000008</v>
      </c>
      <c r="I34" s="146">
        <v>546033</v>
      </c>
      <c r="J34" s="146">
        <v>3</v>
      </c>
      <c r="K34" s="149">
        <v>4.51</v>
      </c>
      <c r="L34" s="146">
        <v>515668</v>
      </c>
      <c r="M34" s="146">
        <v>11</v>
      </c>
      <c r="N34" s="149">
        <v>-5.56</v>
      </c>
      <c r="O34" s="146">
        <v>544027</v>
      </c>
      <c r="P34" s="146">
        <v>5</v>
      </c>
      <c r="Q34" s="220">
        <v>5.5</v>
      </c>
    </row>
    <row r="35" spans="1:17" ht="19.5" customHeight="1" x14ac:dyDescent="0.15">
      <c r="A35" s="151">
        <v>30</v>
      </c>
      <c r="B35" s="348" t="s">
        <v>46</v>
      </c>
      <c r="C35" s="379">
        <v>550606</v>
      </c>
      <c r="D35" s="222">
        <v>3</v>
      </c>
      <c r="E35" s="221">
        <v>11.24</v>
      </c>
      <c r="F35" s="222">
        <v>515539</v>
      </c>
      <c r="G35" s="222">
        <v>8</v>
      </c>
      <c r="H35" s="221">
        <v>-6.37</v>
      </c>
      <c r="I35" s="146">
        <v>516200</v>
      </c>
      <c r="J35" s="146">
        <v>10</v>
      </c>
      <c r="K35" s="149">
        <v>0.13</v>
      </c>
      <c r="L35" s="146">
        <v>535830</v>
      </c>
      <c r="M35" s="146">
        <v>4</v>
      </c>
      <c r="N35" s="149">
        <v>3.8</v>
      </c>
      <c r="O35" s="146">
        <v>541500</v>
      </c>
      <c r="P35" s="146">
        <v>6</v>
      </c>
      <c r="Q35" s="220">
        <v>1.06</v>
      </c>
    </row>
    <row r="36" spans="1:17" ht="19.5" customHeight="1" x14ac:dyDescent="0.15">
      <c r="A36" s="151">
        <v>31</v>
      </c>
      <c r="B36" s="348" t="s">
        <v>47</v>
      </c>
      <c r="C36" s="379">
        <v>513678</v>
      </c>
      <c r="D36" s="222">
        <v>13</v>
      </c>
      <c r="E36" s="221">
        <v>1.85</v>
      </c>
      <c r="F36" s="222">
        <v>493317</v>
      </c>
      <c r="G36" s="222">
        <v>19</v>
      </c>
      <c r="H36" s="221">
        <v>-3.96</v>
      </c>
      <c r="I36" s="146">
        <v>504916</v>
      </c>
      <c r="J36" s="146">
        <v>15</v>
      </c>
      <c r="K36" s="149">
        <v>2.35</v>
      </c>
      <c r="L36" s="146">
        <v>483693</v>
      </c>
      <c r="M36" s="146">
        <v>24</v>
      </c>
      <c r="N36" s="149">
        <v>-4.2</v>
      </c>
      <c r="O36" s="146">
        <v>512460</v>
      </c>
      <c r="P36" s="146">
        <v>18</v>
      </c>
      <c r="Q36" s="220">
        <v>5.95</v>
      </c>
    </row>
    <row r="37" spans="1:17" ht="19.5" customHeight="1" x14ac:dyDescent="0.15">
      <c r="A37" s="151">
        <v>32</v>
      </c>
      <c r="B37" s="348" t="s">
        <v>48</v>
      </c>
      <c r="C37" s="379">
        <v>510308</v>
      </c>
      <c r="D37" s="222">
        <v>14</v>
      </c>
      <c r="E37" s="221">
        <v>9.34</v>
      </c>
      <c r="F37" s="222">
        <v>502699</v>
      </c>
      <c r="G37" s="222">
        <v>12</v>
      </c>
      <c r="H37" s="221">
        <v>-1.49</v>
      </c>
      <c r="I37" s="146">
        <v>488887</v>
      </c>
      <c r="J37" s="146">
        <v>23</v>
      </c>
      <c r="K37" s="149">
        <v>-2.75</v>
      </c>
      <c r="L37" s="146">
        <v>514534</v>
      </c>
      <c r="M37" s="146">
        <v>12</v>
      </c>
      <c r="N37" s="149">
        <v>5.25</v>
      </c>
      <c r="O37" s="146">
        <v>519394</v>
      </c>
      <c r="P37" s="146">
        <v>12</v>
      </c>
      <c r="Q37" s="220">
        <v>0.94</v>
      </c>
    </row>
    <row r="38" spans="1:17" ht="19.5" customHeight="1" thickBot="1" x14ac:dyDescent="0.2">
      <c r="A38" s="144">
        <v>33</v>
      </c>
      <c r="B38" s="350" t="s">
        <v>49</v>
      </c>
      <c r="C38" s="380">
        <v>397721</v>
      </c>
      <c r="D38" s="219">
        <v>33</v>
      </c>
      <c r="E38" s="218">
        <v>-16.600000000000001</v>
      </c>
      <c r="F38" s="219">
        <v>445099</v>
      </c>
      <c r="G38" s="219">
        <v>32</v>
      </c>
      <c r="H38" s="218">
        <v>11.91</v>
      </c>
      <c r="I38" s="138">
        <v>403916</v>
      </c>
      <c r="J38" s="138">
        <v>33</v>
      </c>
      <c r="K38" s="142">
        <v>-9.25</v>
      </c>
      <c r="L38" s="138">
        <v>514534</v>
      </c>
      <c r="M38" s="138">
        <v>12</v>
      </c>
      <c r="N38" s="142">
        <v>27.39</v>
      </c>
      <c r="O38" s="138">
        <v>519394</v>
      </c>
      <c r="P38" s="138">
        <v>12</v>
      </c>
      <c r="Q38" s="217">
        <v>0.94</v>
      </c>
    </row>
    <row r="39" spans="1:17" ht="19.5" customHeight="1" thickTop="1" x14ac:dyDescent="0.15">
      <c r="A39" s="158">
        <v>301</v>
      </c>
      <c r="B39" s="354" t="s">
        <v>114</v>
      </c>
      <c r="C39" s="381">
        <v>380791</v>
      </c>
      <c r="D39" s="225">
        <v>6</v>
      </c>
      <c r="E39" s="224">
        <v>12.02</v>
      </c>
      <c r="F39" s="225">
        <v>374657</v>
      </c>
      <c r="G39" s="225">
        <v>6</v>
      </c>
      <c r="H39" s="224">
        <v>-1.61</v>
      </c>
      <c r="I39" s="153">
        <v>415216</v>
      </c>
      <c r="J39" s="153">
        <v>4</v>
      </c>
      <c r="K39" s="157">
        <v>10.83</v>
      </c>
      <c r="L39" s="153">
        <v>454863</v>
      </c>
      <c r="M39" s="153">
        <v>3</v>
      </c>
      <c r="N39" s="157">
        <v>9.5500000000000007</v>
      </c>
      <c r="O39" s="153">
        <v>431649</v>
      </c>
      <c r="P39" s="153">
        <v>4</v>
      </c>
      <c r="Q39" s="223">
        <v>-5.0999999999999996</v>
      </c>
    </row>
    <row r="40" spans="1:17" ht="19.5" customHeight="1" x14ac:dyDescent="0.15">
      <c r="A40" s="151">
        <v>302</v>
      </c>
      <c r="B40" s="348" t="s">
        <v>113</v>
      </c>
      <c r="C40" s="379">
        <v>475961</v>
      </c>
      <c r="D40" s="222">
        <v>4</v>
      </c>
      <c r="E40" s="221">
        <v>-0.78</v>
      </c>
      <c r="F40" s="222">
        <v>408944</v>
      </c>
      <c r="G40" s="222">
        <v>5</v>
      </c>
      <c r="H40" s="221">
        <v>-14.08</v>
      </c>
      <c r="I40" s="146">
        <v>412408</v>
      </c>
      <c r="J40" s="146">
        <v>6</v>
      </c>
      <c r="K40" s="149">
        <v>0.85</v>
      </c>
      <c r="L40" s="146">
        <v>432554</v>
      </c>
      <c r="M40" s="146">
        <v>5</v>
      </c>
      <c r="N40" s="149">
        <v>4.88</v>
      </c>
      <c r="O40" s="146">
        <v>428526</v>
      </c>
      <c r="P40" s="146">
        <v>6</v>
      </c>
      <c r="Q40" s="220">
        <v>-0.93</v>
      </c>
    </row>
    <row r="41" spans="1:17" ht="19.5" customHeight="1" x14ac:dyDescent="0.15">
      <c r="A41" s="151">
        <v>303</v>
      </c>
      <c r="B41" s="348" t="s">
        <v>112</v>
      </c>
      <c r="C41" s="379">
        <v>543218</v>
      </c>
      <c r="D41" s="222">
        <v>2</v>
      </c>
      <c r="E41" s="221">
        <v>4.18</v>
      </c>
      <c r="F41" s="222">
        <v>535928</v>
      </c>
      <c r="G41" s="222">
        <v>2</v>
      </c>
      <c r="H41" s="221">
        <v>-1.34</v>
      </c>
      <c r="I41" s="146">
        <v>531971</v>
      </c>
      <c r="J41" s="146">
        <v>2</v>
      </c>
      <c r="K41" s="149">
        <v>-0.74</v>
      </c>
      <c r="L41" s="146">
        <v>447421</v>
      </c>
      <c r="M41" s="146">
        <v>4</v>
      </c>
      <c r="N41" s="149">
        <v>-15.89</v>
      </c>
      <c r="O41" s="146">
        <v>431302</v>
      </c>
      <c r="P41" s="146">
        <v>5</v>
      </c>
      <c r="Q41" s="220">
        <v>-3.6</v>
      </c>
    </row>
    <row r="42" spans="1:17" ht="19.5" customHeight="1" x14ac:dyDescent="0.15">
      <c r="A42" s="151">
        <v>304</v>
      </c>
      <c r="B42" s="348" t="s">
        <v>111</v>
      </c>
      <c r="C42" s="379">
        <v>418857</v>
      </c>
      <c r="D42" s="222">
        <v>5</v>
      </c>
      <c r="E42" s="221">
        <v>-1.45</v>
      </c>
      <c r="F42" s="222">
        <v>468827</v>
      </c>
      <c r="G42" s="222">
        <v>3</v>
      </c>
      <c r="H42" s="221">
        <v>11.93</v>
      </c>
      <c r="I42" s="146">
        <v>415171</v>
      </c>
      <c r="J42" s="146">
        <v>5</v>
      </c>
      <c r="K42" s="149">
        <v>-11.44</v>
      </c>
      <c r="L42" s="146">
        <v>549894</v>
      </c>
      <c r="M42" s="146">
        <v>1</v>
      </c>
      <c r="N42" s="149">
        <v>32.450000000000003</v>
      </c>
      <c r="O42" s="146">
        <v>551521</v>
      </c>
      <c r="P42" s="146">
        <v>1</v>
      </c>
      <c r="Q42" s="220">
        <v>0.3</v>
      </c>
    </row>
    <row r="43" spans="1:17" ht="19.5" customHeight="1" x14ac:dyDescent="0.15">
      <c r="A43" s="151">
        <v>305</v>
      </c>
      <c r="B43" s="348" t="s">
        <v>110</v>
      </c>
      <c r="C43" s="379">
        <v>499044</v>
      </c>
      <c r="D43" s="222">
        <v>3</v>
      </c>
      <c r="E43" s="221">
        <v>12.52</v>
      </c>
      <c r="F43" s="222">
        <v>456846</v>
      </c>
      <c r="G43" s="222">
        <v>4</v>
      </c>
      <c r="H43" s="221">
        <v>-8.4600000000000009</v>
      </c>
      <c r="I43" s="146">
        <v>457210</v>
      </c>
      <c r="J43" s="146">
        <v>3</v>
      </c>
      <c r="K43" s="149">
        <v>0.08</v>
      </c>
      <c r="L43" s="146">
        <v>407949</v>
      </c>
      <c r="M43" s="146">
        <v>6</v>
      </c>
      <c r="N43" s="149">
        <v>-10.77</v>
      </c>
      <c r="O43" s="146">
        <v>496069</v>
      </c>
      <c r="P43" s="146">
        <v>3</v>
      </c>
      <c r="Q43" s="220">
        <v>21.6</v>
      </c>
    </row>
    <row r="44" spans="1:17" ht="19.5" customHeight="1" thickBot="1" x14ac:dyDescent="0.2">
      <c r="A44" s="144">
        <v>306</v>
      </c>
      <c r="B44" s="350" t="s">
        <v>109</v>
      </c>
      <c r="C44" s="380">
        <v>553974</v>
      </c>
      <c r="D44" s="219">
        <v>1</v>
      </c>
      <c r="E44" s="218">
        <v>4.8</v>
      </c>
      <c r="F44" s="219">
        <v>566685</v>
      </c>
      <c r="G44" s="219">
        <v>1</v>
      </c>
      <c r="H44" s="218">
        <v>2.29</v>
      </c>
      <c r="I44" s="138">
        <v>535052</v>
      </c>
      <c r="J44" s="138">
        <v>1</v>
      </c>
      <c r="K44" s="142">
        <v>-5.58</v>
      </c>
      <c r="L44" s="138">
        <v>486252</v>
      </c>
      <c r="M44" s="138">
        <v>2</v>
      </c>
      <c r="N44" s="142">
        <v>-9.1199999999999992</v>
      </c>
      <c r="O44" s="138">
        <v>501802</v>
      </c>
      <c r="P44" s="138">
        <v>2</v>
      </c>
      <c r="Q44" s="217">
        <v>3.2</v>
      </c>
    </row>
    <row r="45" spans="1:17" ht="19.5" customHeight="1" thickTop="1" thickBot="1" x14ac:dyDescent="0.2">
      <c r="A45" s="417" t="s">
        <v>71</v>
      </c>
      <c r="B45" s="418"/>
      <c r="C45" s="382">
        <v>516429</v>
      </c>
      <c r="D45" s="128" t="s">
        <v>81</v>
      </c>
      <c r="E45" s="216">
        <v>2.5299999999999998</v>
      </c>
      <c r="F45" s="128">
        <v>508436</v>
      </c>
      <c r="G45" s="128" t="s">
        <v>81</v>
      </c>
      <c r="H45" s="216">
        <v>-1.55</v>
      </c>
      <c r="I45" s="131">
        <v>513485</v>
      </c>
      <c r="J45" s="131" t="s">
        <v>81</v>
      </c>
      <c r="K45" s="130">
        <v>0.99</v>
      </c>
      <c r="L45" s="131">
        <v>515301</v>
      </c>
      <c r="M45" s="131" t="s">
        <v>81</v>
      </c>
      <c r="N45" s="130">
        <v>0.35</v>
      </c>
      <c r="O45" s="131">
        <v>526456</v>
      </c>
      <c r="P45" s="134" t="s">
        <v>81</v>
      </c>
      <c r="Q45" s="215">
        <v>2.16</v>
      </c>
    </row>
    <row r="46" spans="1:17" ht="19.5" customHeight="1" thickTop="1" thickBot="1" x14ac:dyDescent="0.2">
      <c r="A46" s="417" t="s">
        <v>108</v>
      </c>
      <c r="B46" s="418"/>
      <c r="C46" s="382">
        <v>526902</v>
      </c>
      <c r="D46" s="128" t="s">
        <v>81</v>
      </c>
      <c r="E46" s="216">
        <v>4.8</v>
      </c>
      <c r="F46" s="128">
        <v>523687</v>
      </c>
      <c r="G46" s="128" t="s">
        <v>81</v>
      </c>
      <c r="H46" s="216">
        <v>-0.61</v>
      </c>
      <c r="I46" s="131">
        <v>506285</v>
      </c>
      <c r="J46" s="131" t="s">
        <v>81</v>
      </c>
      <c r="K46" s="130">
        <v>-3.32</v>
      </c>
      <c r="L46" s="131">
        <v>518011</v>
      </c>
      <c r="M46" s="131" t="s">
        <v>81</v>
      </c>
      <c r="N46" s="130">
        <v>2.3199999999999998</v>
      </c>
      <c r="O46" s="131">
        <v>524247</v>
      </c>
      <c r="P46" s="134" t="s">
        <v>81</v>
      </c>
      <c r="Q46" s="215">
        <v>1.2</v>
      </c>
    </row>
    <row r="47" spans="1:17" ht="19.5" customHeight="1" thickTop="1" thickBot="1" x14ac:dyDescent="0.2">
      <c r="A47" s="419" t="s">
        <v>134</v>
      </c>
      <c r="B47" s="420"/>
      <c r="C47" s="383">
        <v>516655</v>
      </c>
      <c r="D47" s="115" t="s">
        <v>81</v>
      </c>
      <c r="E47" s="214">
        <v>2.58</v>
      </c>
      <c r="F47" s="115">
        <v>508748</v>
      </c>
      <c r="G47" s="115" t="s">
        <v>81</v>
      </c>
      <c r="H47" s="214">
        <v>-1.53</v>
      </c>
      <c r="I47" s="118">
        <v>513341</v>
      </c>
      <c r="J47" s="118" t="s">
        <v>81</v>
      </c>
      <c r="K47" s="117">
        <v>0.9</v>
      </c>
      <c r="L47" s="118">
        <v>515355</v>
      </c>
      <c r="M47" s="118" t="s">
        <v>81</v>
      </c>
      <c r="N47" s="117">
        <v>0.39</v>
      </c>
      <c r="O47" s="118">
        <v>526412</v>
      </c>
      <c r="P47" s="121" t="s">
        <v>81</v>
      </c>
      <c r="Q47" s="213">
        <v>2.15</v>
      </c>
    </row>
    <row r="48" spans="1:17" x14ac:dyDescent="0.15">
      <c r="A48" s="212"/>
      <c r="I48" s="110"/>
      <c r="J48" s="110"/>
      <c r="K48" s="110"/>
      <c r="L48" s="167"/>
      <c r="M48" s="167"/>
      <c r="N48" s="167"/>
    </row>
  </sheetData>
  <mergeCells count="9">
    <mergeCell ref="A46:B46"/>
    <mergeCell ref="A47:B47"/>
    <mergeCell ref="C3:E3"/>
    <mergeCell ref="F3:H3"/>
    <mergeCell ref="I3:K3"/>
    <mergeCell ref="L3:N3"/>
    <mergeCell ref="O3:Q3"/>
    <mergeCell ref="A3:B5"/>
    <mergeCell ref="A45:B45"/>
  </mergeCells>
  <phoneticPr fontId="2"/>
  <printOptions horizontalCentered="1" gridLinesSet="0"/>
  <pageMargins left="0.59055118110236227" right="0.59055118110236227" top="0.59055118110236227" bottom="0.59055118110236227" header="0.19685039370078741" footer="0.23622047244094491"/>
  <pageSetup paperSize="9" scale="89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1"/>
  <sheetViews>
    <sheetView zoomScaleNormal="100" zoomScaleSheetLayoutView="100" workbookViewId="0">
      <selection sqref="A1:N1"/>
    </sheetView>
  </sheetViews>
  <sheetFormatPr defaultColWidth="9" defaultRowHeight="10.8" x14ac:dyDescent="0.15"/>
  <cols>
    <col min="1" max="1" width="4" style="226" customWidth="1"/>
    <col min="2" max="2" width="9.6640625" style="226" customWidth="1"/>
    <col min="3" max="4" width="7.6640625" style="226" customWidth="1"/>
    <col min="5" max="5" width="4.109375" style="226" customWidth="1"/>
    <col min="6" max="8" width="7.6640625" style="226" customWidth="1"/>
    <col min="9" max="9" width="4.109375" style="226" customWidth="1"/>
    <col min="10" max="12" width="7.6640625" style="226" customWidth="1"/>
    <col min="13" max="13" width="4.109375" style="226" customWidth="1"/>
    <col min="14" max="16" width="7.6640625" style="226" customWidth="1"/>
    <col min="17" max="17" width="4.109375" style="226" customWidth="1"/>
    <col min="18" max="18" width="7.6640625" style="226" customWidth="1"/>
    <col min="19" max="23" width="5.6640625" style="226" customWidth="1"/>
    <col min="24" max="37" width="6.44140625" style="226" customWidth="1"/>
    <col min="38" max="16384" width="9" style="226"/>
  </cols>
  <sheetData>
    <row r="1" spans="1:25" ht="16.5" customHeight="1" x14ac:dyDescent="0.2">
      <c r="A1" s="454" t="s">
        <v>166</v>
      </c>
      <c r="B1" s="454"/>
      <c r="C1" s="454"/>
      <c r="D1" s="454"/>
      <c r="E1" s="454"/>
      <c r="F1" s="454"/>
      <c r="G1" s="454"/>
      <c r="H1" s="454"/>
      <c r="I1" s="454"/>
      <c r="J1" s="454"/>
      <c r="K1" s="454"/>
      <c r="L1" s="454"/>
      <c r="M1" s="454"/>
      <c r="N1" s="454"/>
      <c r="X1" s="227"/>
    </row>
    <row r="2" spans="1:25" ht="11.1" customHeight="1" thickBot="1" x14ac:dyDescent="0.2">
      <c r="X2" s="228"/>
      <c r="Y2" s="229"/>
    </row>
    <row r="3" spans="1:25" ht="11.4" customHeight="1" x14ac:dyDescent="0.15">
      <c r="A3" s="455" t="s">
        <v>3</v>
      </c>
      <c r="B3" s="456"/>
      <c r="C3" s="461" t="s">
        <v>167</v>
      </c>
      <c r="D3" s="462"/>
      <c r="E3" s="462"/>
      <c r="F3" s="462"/>
      <c r="G3" s="462"/>
      <c r="H3" s="462"/>
      <c r="I3" s="462"/>
      <c r="J3" s="463"/>
      <c r="K3" s="432" t="s">
        <v>168</v>
      </c>
      <c r="L3" s="433"/>
      <c r="M3" s="433"/>
      <c r="N3" s="464"/>
      <c r="O3" s="432" t="s">
        <v>169</v>
      </c>
      <c r="P3" s="433"/>
      <c r="Q3" s="433"/>
      <c r="R3" s="434"/>
      <c r="S3" s="438" t="s">
        <v>170</v>
      </c>
      <c r="T3" s="439"/>
      <c r="U3" s="439"/>
      <c r="V3" s="439"/>
      <c r="W3" s="440"/>
    </row>
    <row r="4" spans="1:25" ht="11.4" customHeight="1" x14ac:dyDescent="0.15">
      <c r="A4" s="457"/>
      <c r="B4" s="458"/>
      <c r="C4" s="444" t="s">
        <v>171</v>
      </c>
      <c r="D4" s="445"/>
      <c r="E4" s="445"/>
      <c r="F4" s="446"/>
      <c r="G4" s="444" t="s">
        <v>172</v>
      </c>
      <c r="H4" s="445"/>
      <c r="I4" s="445"/>
      <c r="J4" s="446"/>
      <c r="K4" s="435"/>
      <c r="L4" s="436"/>
      <c r="M4" s="436"/>
      <c r="N4" s="465"/>
      <c r="O4" s="435"/>
      <c r="P4" s="436"/>
      <c r="Q4" s="436"/>
      <c r="R4" s="437"/>
      <c r="S4" s="441"/>
      <c r="T4" s="442"/>
      <c r="U4" s="442"/>
      <c r="V4" s="442"/>
      <c r="W4" s="443"/>
    </row>
    <row r="5" spans="1:25" ht="11.4" customHeight="1" x14ac:dyDescent="0.15">
      <c r="A5" s="457"/>
      <c r="B5" s="458"/>
      <c r="C5" s="230" t="s">
        <v>173</v>
      </c>
      <c r="D5" s="230" t="s">
        <v>174</v>
      </c>
      <c r="E5" s="174" t="s">
        <v>124</v>
      </c>
      <c r="F5" s="231" t="s">
        <v>123</v>
      </c>
      <c r="G5" s="230" t="s">
        <v>173</v>
      </c>
      <c r="H5" s="230" t="s">
        <v>174</v>
      </c>
      <c r="I5" s="174" t="s">
        <v>124</v>
      </c>
      <c r="J5" s="231" t="s">
        <v>123</v>
      </c>
      <c r="K5" s="230" t="s">
        <v>173</v>
      </c>
      <c r="L5" s="230" t="s">
        <v>174</v>
      </c>
      <c r="M5" s="174" t="s">
        <v>124</v>
      </c>
      <c r="N5" s="231" t="s">
        <v>123</v>
      </c>
      <c r="O5" s="230" t="s">
        <v>173</v>
      </c>
      <c r="P5" s="230" t="s">
        <v>174</v>
      </c>
      <c r="Q5" s="174" t="s">
        <v>124</v>
      </c>
      <c r="R5" s="231" t="s">
        <v>123</v>
      </c>
      <c r="S5" s="447" t="s">
        <v>175</v>
      </c>
      <c r="T5" s="448"/>
      <c r="U5" s="449" t="s">
        <v>176</v>
      </c>
      <c r="V5" s="448"/>
      <c r="W5" s="232" t="s">
        <v>177</v>
      </c>
    </row>
    <row r="6" spans="1:25" s="241" customFormat="1" ht="11.4" customHeight="1" x14ac:dyDescent="0.15">
      <c r="A6" s="459"/>
      <c r="B6" s="460"/>
      <c r="C6" s="233" t="s">
        <v>174</v>
      </c>
      <c r="D6" s="234" t="s">
        <v>178</v>
      </c>
      <c r="E6" s="169" t="s">
        <v>120</v>
      </c>
      <c r="F6" s="235" t="s">
        <v>179</v>
      </c>
      <c r="G6" s="233" t="s">
        <v>174</v>
      </c>
      <c r="H6" s="236" t="s">
        <v>178</v>
      </c>
      <c r="I6" s="169" t="s">
        <v>120</v>
      </c>
      <c r="J6" s="235" t="s">
        <v>179</v>
      </c>
      <c r="K6" s="233" t="s">
        <v>174</v>
      </c>
      <c r="L6" s="237" t="s">
        <v>178</v>
      </c>
      <c r="M6" s="169" t="s">
        <v>120</v>
      </c>
      <c r="N6" s="235" t="s">
        <v>179</v>
      </c>
      <c r="O6" s="233" t="s">
        <v>174</v>
      </c>
      <c r="P6" s="237" t="s">
        <v>178</v>
      </c>
      <c r="Q6" s="169" t="s">
        <v>120</v>
      </c>
      <c r="R6" s="238" t="s">
        <v>179</v>
      </c>
      <c r="S6" s="235" t="s">
        <v>180</v>
      </c>
      <c r="T6" s="239" t="s">
        <v>181</v>
      </c>
      <c r="U6" s="233" t="s">
        <v>182</v>
      </c>
      <c r="V6" s="239" t="s">
        <v>183</v>
      </c>
      <c r="W6" s="240" t="s">
        <v>184</v>
      </c>
    </row>
    <row r="7" spans="1:25" s="256" customFormat="1" ht="12.15" customHeight="1" x14ac:dyDescent="0.2">
      <c r="A7" s="242">
        <v>1</v>
      </c>
      <c r="B7" s="243" t="s">
        <v>185</v>
      </c>
      <c r="C7" s="244">
        <v>851</v>
      </c>
      <c r="D7" s="245">
        <v>772</v>
      </c>
      <c r="E7" s="246">
        <v>20</v>
      </c>
      <c r="F7" s="247">
        <v>-79</v>
      </c>
      <c r="G7" s="244">
        <v>296</v>
      </c>
      <c r="H7" s="248">
        <v>435</v>
      </c>
      <c r="I7" s="246">
        <v>17</v>
      </c>
      <c r="J7" s="247">
        <v>139</v>
      </c>
      <c r="K7" s="249">
        <v>638</v>
      </c>
      <c r="L7" s="250">
        <v>670</v>
      </c>
      <c r="M7" s="246">
        <v>4</v>
      </c>
      <c r="N7" s="247">
        <v>32</v>
      </c>
      <c r="O7" s="251">
        <v>1785</v>
      </c>
      <c r="P7" s="251">
        <v>1877</v>
      </c>
      <c r="Q7" s="246">
        <v>13</v>
      </c>
      <c r="R7" s="252">
        <v>92</v>
      </c>
      <c r="S7" s="253">
        <v>0</v>
      </c>
      <c r="T7" s="254">
        <v>3</v>
      </c>
      <c r="U7" s="253">
        <v>0</v>
      </c>
      <c r="V7" s="254">
        <v>0</v>
      </c>
      <c r="W7" s="255">
        <v>2</v>
      </c>
    </row>
    <row r="8" spans="1:25" s="256" customFormat="1" ht="12.15" customHeight="1" x14ac:dyDescent="0.2">
      <c r="A8" s="242">
        <v>2</v>
      </c>
      <c r="B8" s="243" t="s">
        <v>186</v>
      </c>
      <c r="C8" s="244">
        <v>1374</v>
      </c>
      <c r="D8" s="245">
        <v>1135</v>
      </c>
      <c r="E8" s="257">
        <v>11</v>
      </c>
      <c r="F8" s="247">
        <v>-239</v>
      </c>
      <c r="G8" s="244">
        <v>524</v>
      </c>
      <c r="H8" s="248">
        <v>462</v>
      </c>
      <c r="I8" s="257">
        <v>14</v>
      </c>
      <c r="J8" s="247">
        <v>-62</v>
      </c>
      <c r="K8" s="249">
        <v>696</v>
      </c>
      <c r="L8" s="258">
        <v>814</v>
      </c>
      <c r="M8" s="257">
        <v>3</v>
      </c>
      <c r="N8" s="247">
        <v>118</v>
      </c>
      <c r="O8" s="251">
        <v>2594</v>
      </c>
      <c r="P8" s="251">
        <v>2411</v>
      </c>
      <c r="Q8" s="257">
        <v>7</v>
      </c>
      <c r="R8" s="252">
        <v>-183</v>
      </c>
      <c r="S8" s="253">
        <v>0</v>
      </c>
      <c r="T8" s="254">
        <v>1</v>
      </c>
      <c r="U8" s="253">
        <v>6</v>
      </c>
      <c r="V8" s="254">
        <v>1</v>
      </c>
      <c r="W8" s="255">
        <v>2</v>
      </c>
    </row>
    <row r="9" spans="1:25" s="256" customFormat="1" ht="12.15" customHeight="1" x14ac:dyDescent="0.2">
      <c r="A9" s="242">
        <v>3</v>
      </c>
      <c r="B9" s="243" t="s">
        <v>187</v>
      </c>
      <c r="C9" s="244">
        <v>727</v>
      </c>
      <c r="D9" s="245">
        <v>798</v>
      </c>
      <c r="E9" s="257">
        <v>19</v>
      </c>
      <c r="F9" s="247">
        <v>71</v>
      </c>
      <c r="G9" s="244">
        <v>617</v>
      </c>
      <c r="H9" s="248">
        <v>592</v>
      </c>
      <c r="I9" s="257">
        <v>7</v>
      </c>
      <c r="J9" s="247">
        <v>-25</v>
      </c>
      <c r="K9" s="249">
        <v>387</v>
      </c>
      <c r="L9" s="258">
        <v>424</v>
      </c>
      <c r="M9" s="257">
        <v>9</v>
      </c>
      <c r="N9" s="247">
        <v>37</v>
      </c>
      <c r="O9" s="251">
        <v>1731</v>
      </c>
      <c r="P9" s="251">
        <v>1814</v>
      </c>
      <c r="Q9" s="257">
        <v>16</v>
      </c>
      <c r="R9" s="252">
        <v>83</v>
      </c>
      <c r="S9" s="253">
        <v>0</v>
      </c>
      <c r="T9" s="254">
        <v>0</v>
      </c>
      <c r="U9" s="253">
        <v>4</v>
      </c>
      <c r="V9" s="254">
        <v>0</v>
      </c>
      <c r="W9" s="255">
        <v>3</v>
      </c>
    </row>
    <row r="10" spans="1:25" s="256" customFormat="1" ht="12.15" customHeight="1" x14ac:dyDescent="0.2">
      <c r="A10" s="242">
        <v>4</v>
      </c>
      <c r="B10" s="243" t="s">
        <v>188</v>
      </c>
      <c r="C10" s="244">
        <v>1079</v>
      </c>
      <c r="D10" s="245">
        <v>1228</v>
      </c>
      <c r="E10" s="257">
        <v>8</v>
      </c>
      <c r="F10" s="247">
        <v>149</v>
      </c>
      <c r="G10" s="244">
        <v>525</v>
      </c>
      <c r="H10" s="248">
        <v>607</v>
      </c>
      <c r="I10" s="257">
        <v>6</v>
      </c>
      <c r="J10" s="247">
        <v>82</v>
      </c>
      <c r="K10" s="249">
        <v>284</v>
      </c>
      <c r="L10" s="258">
        <v>491</v>
      </c>
      <c r="M10" s="257">
        <v>8</v>
      </c>
      <c r="N10" s="247">
        <v>207</v>
      </c>
      <c r="O10" s="251">
        <v>1888</v>
      </c>
      <c r="P10" s="251">
        <v>2326</v>
      </c>
      <c r="Q10" s="257">
        <v>8</v>
      </c>
      <c r="R10" s="252">
        <v>438</v>
      </c>
      <c r="S10" s="253">
        <v>0</v>
      </c>
      <c r="T10" s="254">
        <v>2</v>
      </c>
      <c r="U10" s="253">
        <v>2</v>
      </c>
      <c r="V10" s="254">
        <v>0</v>
      </c>
      <c r="W10" s="255">
        <v>3</v>
      </c>
    </row>
    <row r="11" spans="1:25" s="256" customFormat="1" ht="12.15" customHeight="1" x14ac:dyDescent="0.2">
      <c r="A11" s="242">
        <v>5</v>
      </c>
      <c r="B11" s="243" t="s">
        <v>189</v>
      </c>
      <c r="C11" s="244">
        <v>902</v>
      </c>
      <c r="D11" s="245">
        <v>930</v>
      </c>
      <c r="E11" s="257">
        <v>14</v>
      </c>
      <c r="F11" s="247">
        <v>28</v>
      </c>
      <c r="G11" s="244">
        <v>454</v>
      </c>
      <c r="H11" s="248">
        <v>522</v>
      </c>
      <c r="I11" s="257">
        <v>11</v>
      </c>
      <c r="J11" s="247">
        <v>68</v>
      </c>
      <c r="K11" s="249">
        <v>128</v>
      </c>
      <c r="L11" s="258">
        <v>193</v>
      </c>
      <c r="M11" s="257">
        <v>13</v>
      </c>
      <c r="N11" s="247">
        <v>65</v>
      </c>
      <c r="O11" s="251">
        <v>1484</v>
      </c>
      <c r="P11" s="251">
        <v>1645</v>
      </c>
      <c r="Q11" s="257">
        <v>19</v>
      </c>
      <c r="R11" s="252">
        <v>161</v>
      </c>
      <c r="S11" s="253">
        <v>0</v>
      </c>
      <c r="T11" s="254">
        <v>1</v>
      </c>
      <c r="U11" s="253">
        <v>2</v>
      </c>
      <c r="V11" s="254">
        <v>0</v>
      </c>
      <c r="W11" s="255">
        <v>3</v>
      </c>
    </row>
    <row r="12" spans="1:25" s="256" customFormat="1" ht="12.15" customHeight="1" x14ac:dyDescent="0.2">
      <c r="A12" s="242">
        <v>6</v>
      </c>
      <c r="B12" s="243" t="s">
        <v>190</v>
      </c>
      <c r="C12" s="244">
        <v>1327</v>
      </c>
      <c r="D12" s="245">
        <v>1470</v>
      </c>
      <c r="E12" s="257">
        <v>5</v>
      </c>
      <c r="F12" s="247">
        <v>143</v>
      </c>
      <c r="G12" s="244">
        <v>436</v>
      </c>
      <c r="H12" s="248">
        <v>542</v>
      </c>
      <c r="I12" s="257">
        <v>10</v>
      </c>
      <c r="J12" s="247">
        <v>106</v>
      </c>
      <c r="K12" s="249">
        <v>137</v>
      </c>
      <c r="L12" s="258">
        <v>122</v>
      </c>
      <c r="M12" s="257">
        <v>18</v>
      </c>
      <c r="N12" s="247">
        <v>-15</v>
      </c>
      <c r="O12" s="251">
        <v>1900</v>
      </c>
      <c r="P12" s="251">
        <v>2134</v>
      </c>
      <c r="Q12" s="257">
        <v>9</v>
      </c>
      <c r="R12" s="252">
        <v>234</v>
      </c>
      <c r="S12" s="253">
        <v>1</v>
      </c>
      <c r="T12" s="254">
        <v>0</v>
      </c>
      <c r="U12" s="253">
        <v>5</v>
      </c>
      <c r="V12" s="254">
        <v>0</v>
      </c>
      <c r="W12" s="255" t="s">
        <v>191</v>
      </c>
    </row>
    <row r="13" spans="1:25" s="256" customFormat="1" ht="12.15" customHeight="1" x14ac:dyDescent="0.2">
      <c r="A13" s="242">
        <v>7</v>
      </c>
      <c r="B13" s="243" t="s">
        <v>192</v>
      </c>
      <c r="C13" s="244">
        <v>719</v>
      </c>
      <c r="D13" s="245">
        <v>888</v>
      </c>
      <c r="E13" s="257">
        <v>16</v>
      </c>
      <c r="F13" s="247">
        <v>169</v>
      </c>
      <c r="G13" s="244">
        <v>496</v>
      </c>
      <c r="H13" s="248">
        <v>467</v>
      </c>
      <c r="I13" s="257">
        <v>12</v>
      </c>
      <c r="J13" s="247">
        <v>-29</v>
      </c>
      <c r="K13" s="249">
        <v>147</v>
      </c>
      <c r="L13" s="258">
        <v>190</v>
      </c>
      <c r="M13" s="257">
        <v>14</v>
      </c>
      <c r="N13" s="247">
        <v>43</v>
      </c>
      <c r="O13" s="251">
        <v>1362</v>
      </c>
      <c r="P13" s="251">
        <v>1545</v>
      </c>
      <c r="Q13" s="257">
        <v>20</v>
      </c>
      <c r="R13" s="252">
        <v>183</v>
      </c>
      <c r="S13" s="253">
        <v>0</v>
      </c>
      <c r="T13" s="254">
        <v>1</v>
      </c>
      <c r="U13" s="253">
        <v>5</v>
      </c>
      <c r="V13" s="254">
        <v>0</v>
      </c>
      <c r="W13" s="255">
        <v>3</v>
      </c>
    </row>
    <row r="14" spans="1:25" s="256" customFormat="1" ht="12.15" customHeight="1" x14ac:dyDescent="0.2">
      <c r="A14" s="242">
        <v>8</v>
      </c>
      <c r="B14" s="243" t="s">
        <v>193</v>
      </c>
      <c r="C14" s="244">
        <v>1741</v>
      </c>
      <c r="D14" s="245">
        <v>1603</v>
      </c>
      <c r="E14" s="257">
        <v>4</v>
      </c>
      <c r="F14" s="247">
        <v>-138</v>
      </c>
      <c r="G14" s="244">
        <v>860</v>
      </c>
      <c r="H14" s="248">
        <v>846</v>
      </c>
      <c r="I14" s="257">
        <v>4</v>
      </c>
      <c r="J14" s="247">
        <v>-14</v>
      </c>
      <c r="K14" s="249">
        <v>679</v>
      </c>
      <c r="L14" s="258">
        <v>353</v>
      </c>
      <c r="M14" s="257">
        <v>11</v>
      </c>
      <c r="N14" s="247">
        <v>-326</v>
      </c>
      <c r="O14" s="251">
        <v>3280</v>
      </c>
      <c r="P14" s="251">
        <v>2802</v>
      </c>
      <c r="Q14" s="257">
        <v>6</v>
      </c>
      <c r="R14" s="252">
        <v>-478</v>
      </c>
      <c r="S14" s="253">
        <v>1</v>
      </c>
      <c r="T14" s="254">
        <v>0</v>
      </c>
      <c r="U14" s="253">
        <v>5</v>
      </c>
      <c r="V14" s="254">
        <v>0</v>
      </c>
      <c r="W14" s="255">
        <v>2</v>
      </c>
    </row>
    <row r="15" spans="1:25" s="256" customFormat="1" ht="12.15" customHeight="1" x14ac:dyDescent="0.2">
      <c r="A15" s="242">
        <v>9</v>
      </c>
      <c r="B15" s="243" t="s">
        <v>194</v>
      </c>
      <c r="C15" s="244">
        <v>670</v>
      </c>
      <c r="D15" s="245">
        <v>384</v>
      </c>
      <c r="E15" s="257">
        <v>27</v>
      </c>
      <c r="F15" s="247">
        <v>-286</v>
      </c>
      <c r="G15" s="244">
        <v>144</v>
      </c>
      <c r="H15" s="248">
        <v>223</v>
      </c>
      <c r="I15" s="257">
        <v>26</v>
      </c>
      <c r="J15" s="247">
        <v>79</v>
      </c>
      <c r="K15" s="249">
        <v>0</v>
      </c>
      <c r="L15" s="258">
        <v>0</v>
      </c>
      <c r="M15" s="257">
        <v>27</v>
      </c>
      <c r="N15" s="247">
        <v>0</v>
      </c>
      <c r="O15" s="251">
        <v>814</v>
      </c>
      <c r="P15" s="251">
        <v>607</v>
      </c>
      <c r="Q15" s="257">
        <v>29</v>
      </c>
      <c r="R15" s="252">
        <v>-207</v>
      </c>
      <c r="S15" s="253">
        <v>0</v>
      </c>
      <c r="T15" s="254">
        <v>0</v>
      </c>
      <c r="U15" s="253">
        <v>0</v>
      </c>
      <c r="V15" s="254">
        <v>0</v>
      </c>
      <c r="W15" s="255">
        <v>2</v>
      </c>
    </row>
    <row r="16" spans="1:25" s="256" customFormat="1" ht="12.15" customHeight="1" x14ac:dyDescent="0.2">
      <c r="A16" s="242">
        <v>10</v>
      </c>
      <c r="B16" s="243" t="s">
        <v>195</v>
      </c>
      <c r="C16" s="244">
        <v>1019</v>
      </c>
      <c r="D16" s="245">
        <v>971</v>
      </c>
      <c r="E16" s="257">
        <v>13</v>
      </c>
      <c r="F16" s="247">
        <v>-48</v>
      </c>
      <c r="G16" s="244">
        <v>434</v>
      </c>
      <c r="H16" s="248">
        <v>311</v>
      </c>
      <c r="I16" s="257">
        <v>21</v>
      </c>
      <c r="J16" s="247">
        <v>-123</v>
      </c>
      <c r="K16" s="249">
        <v>713</v>
      </c>
      <c r="L16" s="258">
        <v>660</v>
      </c>
      <c r="M16" s="257">
        <v>5</v>
      </c>
      <c r="N16" s="247">
        <v>-53</v>
      </c>
      <c r="O16" s="251">
        <v>2166</v>
      </c>
      <c r="P16" s="251">
        <v>1942</v>
      </c>
      <c r="Q16" s="257">
        <v>12</v>
      </c>
      <c r="R16" s="252">
        <v>-224</v>
      </c>
      <c r="S16" s="253">
        <v>0</v>
      </c>
      <c r="T16" s="254">
        <v>0</v>
      </c>
      <c r="U16" s="253">
        <v>13</v>
      </c>
      <c r="V16" s="254">
        <v>0</v>
      </c>
      <c r="W16" s="255">
        <v>3</v>
      </c>
    </row>
    <row r="17" spans="1:23" s="256" customFormat="1" ht="12.15" customHeight="1" x14ac:dyDescent="0.2">
      <c r="A17" s="242">
        <v>11</v>
      </c>
      <c r="B17" s="243" t="s">
        <v>196</v>
      </c>
      <c r="C17" s="244">
        <v>506</v>
      </c>
      <c r="D17" s="245">
        <v>717</v>
      </c>
      <c r="E17" s="257">
        <v>22</v>
      </c>
      <c r="F17" s="247">
        <v>211</v>
      </c>
      <c r="G17" s="244">
        <v>187</v>
      </c>
      <c r="H17" s="248">
        <v>581</v>
      </c>
      <c r="I17" s="257">
        <v>8</v>
      </c>
      <c r="J17" s="247">
        <v>394</v>
      </c>
      <c r="K17" s="249">
        <v>601</v>
      </c>
      <c r="L17" s="258">
        <v>506</v>
      </c>
      <c r="M17" s="257">
        <v>7</v>
      </c>
      <c r="N17" s="247">
        <v>-95</v>
      </c>
      <c r="O17" s="251">
        <v>1294</v>
      </c>
      <c r="P17" s="251">
        <v>1804</v>
      </c>
      <c r="Q17" s="257">
        <v>17</v>
      </c>
      <c r="R17" s="252">
        <v>510</v>
      </c>
      <c r="S17" s="253">
        <v>1</v>
      </c>
      <c r="T17" s="254">
        <v>0</v>
      </c>
      <c r="U17" s="253">
        <v>2</v>
      </c>
      <c r="V17" s="254">
        <v>0</v>
      </c>
      <c r="W17" s="255">
        <v>3</v>
      </c>
    </row>
    <row r="18" spans="1:23" s="256" customFormat="1" ht="12.15" customHeight="1" x14ac:dyDescent="0.2">
      <c r="A18" s="242">
        <v>12</v>
      </c>
      <c r="B18" s="243" t="s">
        <v>197</v>
      </c>
      <c r="C18" s="244">
        <v>1050</v>
      </c>
      <c r="D18" s="245">
        <v>857</v>
      </c>
      <c r="E18" s="257">
        <v>18</v>
      </c>
      <c r="F18" s="247">
        <v>-193</v>
      </c>
      <c r="G18" s="244">
        <v>459</v>
      </c>
      <c r="H18" s="248">
        <v>299</v>
      </c>
      <c r="I18" s="257">
        <v>22</v>
      </c>
      <c r="J18" s="247">
        <v>-160</v>
      </c>
      <c r="K18" s="249">
        <v>11</v>
      </c>
      <c r="L18" s="258">
        <v>71</v>
      </c>
      <c r="M18" s="257">
        <v>21</v>
      </c>
      <c r="N18" s="247">
        <v>60</v>
      </c>
      <c r="O18" s="251">
        <v>1520</v>
      </c>
      <c r="P18" s="251">
        <v>1227</v>
      </c>
      <c r="Q18" s="257">
        <v>24</v>
      </c>
      <c r="R18" s="252">
        <v>-293</v>
      </c>
      <c r="S18" s="253">
        <v>0</v>
      </c>
      <c r="T18" s="254">
        <v>0</v>
      </c>
      <c r="U18" s="253">
        <v>4</v>
      </c>
      <c r="V18" s="254">
        <v>0</v>
      </c>
      <c r="W18" s="255">
        <v>3</v>
      </c>
    </row>
    <row r="19" spans="1:23" s="256" customFormat="1" ht="12.15" customHeight="1" x14ac:dyDescent="0.2">
      <c r="A19" s="242">
        <v>13</v>
      </c>
      <c r="B19" s="243" t="s">
        <v>198</v>
      </c>
      <c r="C19" s="244">
        <v>511</v>
      </c>
      <c r="D19" s="245">
        <v>1148</v>
      </c>
      <c r="E19" s="257">
        <v>10</v>
      </c>
      <c r="F19" s="247">
        <v>637</v>
      </c>
      <c r="G19" s="244">
        <v>404</v>
      </c>
      <c r="H19" s="248">
        <v>417</v>
      </c>
      <c r="I19" s="257">
        <v>18</v>
      </c>
      <c r="J19" s="247">
        <v>13</v>
      </c>
      <c r="K19" s="249">
        <v>182</v>
      </c>
      <c r="L19" s="258">
        <v>543</v>
      </c>
      <c r="M19" s="257">
        <v>6</v>
      </c>
      <c r="N19" s="247">
        <v>361</v>
      </c>
      <c r="O19" s="251">
        <v>1097</v>
      </c>
      <c r="P19" s="251">
        <v>2108</v>
      </c>
      <c r="Q19" s="257">
        <v>11</v>
      </c>
      <c r="R19" s="252">
        <v>1011</v>
      </c>
      <c r="S19" s="253">
        <v>0</v>
      </c>
      <c r="T19" s="254">
        <v>1</v>
      </c>
      <c r="U19" s="253">
        <v>2</v>
      </c>
      <c r="V19" s="254">
        <v>0</v>
      </c>
      <c r="W19" s="255">
        <v>2</v>
      </c>
    </row>
    <row r="20" spans="1:23" s="256" customFormat="1" ht="12.15" customHeight="1" x14ac:dyDescent="0.2">
      <c r="A20" s="242">
        <v>14</v>
      </c>
      <c r="B20" s="243" t="s">
        <v>199</v>
      </c>
      <c r="C20" s="244">
        <v>913</v>
      </c>
      <c r="D20" s="245">
        <v>557</v>
      </c>
      <c r="E20" s="257">
        <v>24</v>
      </c>
      <c r="F20" s="247">
        <v>-356</v>
      </c>
      <c r="G20" s="244">
        <v>430</v>
      </c>
      <c r="H20" s="248">
        <v>292</v>
      </c>
      <c r="I20" s="257">
        <v>23</v>
      </c>
      <c r="J20" s="247">
        <v>-138</v>
      </c>
      <c r="K20" s="249">
        <v>403</v>
      </c>
      <c r="L20" s="258">
        <v>165</v>
      </c>
      <c r="M20" s="257">
        <v>16</v>
      </c>
      <c r="N20" s="247">
        <v>-238</v>
      </c>
      <c r="O20" s="251">
        <v>1746</v>
      </c>
      <c r="P20" s="251">
        <v>1014</v>
      </c>
      <c r="Q20" s="257">
        <v>27</v>
      </c>
      <c r="R20" s="252">
        <v>-732</v>
      </c>
      <c r="S20" s="253">
        <v>0</v>
      </c>
      <c r="T20" s="254">
        <v>1</v>
      </c>
      <c r="U20" s="253">
        <v>2</v>
      </c>
      <c r="V20" s="254">
        <v>0</v>
      </c>
      <c r="W20" s="255">
        <v>3</v>
      </c>
    </row>
    <row r="21" spans="1:23" s="256" customFormat="1" ht="12.15" customHeight="1" x14ac:dyDescent="0.2">
      <c r="A21" s="242">
        <v>15</v>
      </c>
      <c r="B21" s="243" t="s">
        <v>200</v>
      </c>
      <c r="C21" s="244">
        <v>1031</v>
      </c>
      <c r="D21" s="245">
        <v>6803</v>
      </c>
      <c r="E21" s="257">
        <v>1</v>
      </c>
      <c r="F21" s="247">
        <v>5772</v>
      </c>
      <c r="G21" s="244">
        <v>349</v>
      </c>
      <c r="H21" s="248">
        <v>368</v>
      </c>
      <c r="I21" s="257">
        <v>20</v>
      </c>
      <c r="J21" s="247">
        <v>19</v>
      </c>
      <c r="K21" s="249">
        <v>278</v>
      </c>
      <c r="L21" s="258">
        <v>160</v>
      </c>
      <c r="M21" s="257">
        <v>17</v>
      </c>
      <c r="N21" s="247">
        <v>-118</v>
      </c>
      <c r="O21" s="251">
        <v>1658</v>
      </c>
      <c r="P21" s="251">
        <v>7331</v>
      </c>
      <c r="Q21" s="257">
        <v>1</v>
      </c>
      <c r="R21" s="252">
        <v>5673</v>
      </c>
      <c r="S21" s="253">
        <v>0</v>
      </c>
      <c r="T21" s="254">
        <v>1</v>
      </c>
      <c r="U21" s="253">
        <v>3</v>
      </c>
      <c r="V21" s="254">
        <v>0</v>
      </c>
      <c r="W21" s="255">
        <v>3</v>
      </c>
    </row>
    <row r="22" spans="1:23" s="256" customFormat="1" ht="12.15" customHeight="1" x14ac:dyDescent="0.2">
      <c r="A22" s="242">
        <v>16</v>
      </c>
      <c r="B22" s="243" t="s">
        <v>201</v>
      </c>
      <c r="C22" s="244">
        <v>359</v>
      </c>
      <c r="D22" s="245">
        <v>331</v>
      </c>
      <c r="E22" s="257">
        <v>28</v>
      </c>
      <c r="F22" s="247">
        <v>-28</v>
      </c>
      <c r="G22" s="244">
        <v>201</v>
      </c>
      <c r="H22" s="248">
        <v>132</v>
      </c>
      <c r="I22" s="257">
        <v>30</v>
      </c>
      <c r="J22" s="247">
        <v>-69</v>
      </c>
      <c r="K22" s="249">
        <v>449</v>
      </c>
      <c r="L22" s="258">
        <v>112</v>
      </c>
      <c r="M22" s="257">
        <v>19</v>
      </c>
      <c r="N22" s="247">
        <v>-337</v>
      </c>
      <c r="O22" s="251">
        <v>1009</v>
      </c>
      <c r="P22" s="251">
        <v>575</v>
      </c>
      <c r="Q22" s="257">
        <v>30</v>
      </c>
      <c r="R22" s="252">
        <v>-434</v>
      </c>
      <c r="S22" s="253">
        <v>0</v>
      </c>
      <c r="T22" s="254">
        <v>1</v>
      </c>
      <c r="U22" s="253">
        <v>3</v>
      </c>
      <c r="V22" s="254">
        <v>0</v>
      </c>
      <c r="W22" s="255">
        <v>3</v>
      </c>
    </row>
    <row r="23" spans="1:23" s="256" customFormat="1" ht="12.15" customHeight="1" x14ac:dyDescent="0.2">
      <c r="A23" s="242">
        <v>17</v>
      </c>
      <c r="B23" s="243" t="s">
        <v>202</v>
      </c>
      <c r="C23" s="244">
        <v>1411</v>
      </c>
      <c r="D23" s="245">
        <v>1214</v>
      </c>
      <c r="E23" s="257">
        <v>9</v>
      </c>
      <c r="F23" s="247">
        <v>-197</v>
      </c>
      <c r="G23" s="244">
        <v>488</v>
      </c>
      <c r="H23" s="248">
        <v>416</v>
      </c>
      <c r="I23" s="257">
        <v>19</v>
      </c>
      <c r="J23" s="247">
        <v>-72</v>
      </c>
      <c r="K23" s="249">
        <v>199</v>
      </c>
      <c r="L23" s="258">
        <v>194</v>
      </c>
      <c r="M23" s="257">
        <v>12</v>
      </c>
      <c r="N23" s="247">
        <v>-5</v>
      </c>
      <c r="O23" s="251">
        <v>2098</v>
      </c>
      <c r="P23" s="251">
        <v>1824</v>
      </c>
      <c r="Q23" s="257">
        <v>14</v>
      </c>
      <c r="R23" s="252">
        <v>-274</v>
      </c>
      <c r="S23" s="253">
        <v>0</v>
      </c>
      <c r="T23" s="254">
        <v>1</v>
      </c>
      <c r="U23" s="253">
        <v>3</v>
      </c>
      <c r="V23" s="254">
        <v>0</v>
      </c>
      <c r="W23" s="255">
        <v>3</v>
      </c>
    </row>
    <row r="24" spans="1:23" s="256" customFormat="1" ht="12.15" customHeight="1" x14ac:dyDescent="0.2">
      <c r="A24" s="242">
        <v>18</v>
      </c>
      <c r="B24" s="243" t="s">
        <v>203</v>
      </c>
      <c r="C24" s="244">
        <v>1069</v>
      </c>
      <c r="D24" s="245">
        <v>1710</v>
      </c>
      <c r="E24" s="257">
        <v>3</v>
      </c>
      <c r="F24" s="247">
        <v>641</v>
      </c>
      <c r="G24" s="244">
        <v>372</v>
      </c>
      <c r="H24" s="248">
        <v>106</v>
      </c>
      <c r="I24" s="257">
        <v>32</v>
      </c>
      <c r="J24" s="247">
        <v>-266</v>
      </c>
      <c r="K24" s="249">
        <v>2</v>
      </c>
      <c r="L24" s="258">
        <v>5</v>
      </c>
      <c r="M24" s="257">
        <v>26</v>
      </c>
      <c r="N24" s="247">
        <v>3</v>
      </c>
      <c r="O24" s="251">
        <v>1443</v>
      </c>
      <c r="P24" s="251">
        <v>1821</v>
      </c>
      <c r="Q24" s="257">
        <v>15</v>
      </c>
      <c r="R24" s="252">
        <v>378</v>
      </c>
      <c r="S24" s="253">
        <v>0</v>
      </c>
      <c r="T24" s="254">
        <v>0</v>
      </c>
      <c r="U24" s="253">
        <v>0</v>
      </c>
      <c r="V24" s="254">
        <v>0</v>
      </c>
      <c r="W24" s="255">
        <v>1</v>
      </c>
    </row>
    <row r="25" spans="1:23" s="256" customFormat="1" ht="12.15" customHeight="1" x14ac:dyDescent="0.2">
      <c r="A25" s="242">
        <v>19</v>
      </c>
      <c r="B25" s="243" t="s">
        <v>204</v>
      </c>
      <c r="C25" s="259">
        <v>1246</v>
      </c>
      <c r="D25" s="260">
        <v>1285</v>
      </c>
      <c r="E25" s="257">
        <v>6</v>
      </c>
      <c r="F25" s="247">
        <v>39</v>
      </c>
      <c r="G25" s="259">
        <v>830</v>
      </c>
      <c r="H25" s="261">
        <v>440</v>
      </c>
      <c r="I25" s="257">
        <v>16</v>
      </c>
      <c r="J25" s="247">
        <v>-390</v>
      </c>
      <c r="K25" s="262">
        <v>0</v>
      </c>
      <c r="L25" s="250">
        <v>0</v>
      </c>
      <c r="M25" s="257">
        <v>27</v>
      </c>
      <c r="N25" s="247">
        <v>0</v>
      </c>
      <c r="O25" s="251">
        <v>2076</v>
      </c>
      <c r="P25" s="251">
        <v>1725</v>
      </c>
      <c r="Q25" s="257">
        <v>18</v>
      </c>
      <c r="R25" s="252">
        <v>-351</v>
      </c>
      <c r="S25" s="263">
        <v>0</v>
      </c>
      <c r="T25" s="264">
        <v>0</v>
      </c>
      <c r="U25" s="263">
        <v>0</v>
      </c>
      <c r="V25" s="264">
        <v>0</v>
      </c>
      <c r="W25" s="255">
        <v>1</v>
      </c>
    </row>
    <row r="26" spans="1:23" s="256" customFormat="1" ht="12.15" customHeight="1" x14ac:dyDescent="0.2">
      <c r="A26" s="242">
        <v>20</v>
      </c>
      <c r="B26" s="243" t="s">
        <v>205</v>
      </c>
      <c r="C26" s="244">
        <v>803</v>
      </c>
      <c r="D26" s="245">
        <v>1084</v>
      </c>
      <c r="E26" s="257">
        <v>12</v>
      </c>
      <c r="F26" s="247">
        <v>281</v>
      </c>
      <c r="G26" s="244">
        <v>207</v>
      </c>
      <c r="H26" s="248">
        <v>1031</v>
      </c>
      <c r="I26" s="257">
        <v>2</v>
      </c>
      <c r="J26" s="247">
        <v>824</v>
      </c>
      <c r="K26" s="265">
        <v>0</v>
      </c>
      <c r="L26" s="258">
        <v>0</v>
      </c>
      <c r="M26" s="257">
        <v>27</v>
      </c>
      <c r="N26" s="247">
        <v>0</v>
      </c>
      <c r="O26" s="251">
        <v>1010</v>
      </c>
      <c r="P26" s="251">
        <v>2115</v>
      </c>
      <c r="Q26" s="257">
        <v>10</v>
      </c>
      <c r="R26" s="252">
        <v>1105</v>
      </c>
      <c r="S26" s="253">
        <v>0</v>
      </c>
      <c r="T26" s="254">
        <v>1</v>
      </c>
      <c r="U26" s="253">
        <v>0</v>
      </c>
      <c r="V26" s="254">
        <v>0</v>
      </c>
      <c r="W26" s="255">
        <v>1</v>
      </c>
    </row>
    <row r="27" spans="1:23" s="256" customFormat="1" ht="12.15" customHeight="1" x14ac:dyDescent="0.2">
      <c r="A27" s="242">
        <v>21</v>
      </c>
      <c r="B27" s="266" t="s">
        <v>206</v>
      </c>
      <c r="C27" s="244">
        <v>795</v>
      </c>
      <c r="D27" s="245">
        <v>330</v>
      </c>
      <c r="E27" s="246">
        <v>29</v>
      </c>
      <c r="F27" s="267">
        <v>-465</v>
      </c>
      <c r="G27" s="244">
        <v>719</v>
      </c>
      <c r="H27" s="248">
        <v>848</v>
      </c>
      <c r="I27" s="246">
        <v>3</v>
      </c>
      <c r="J27" s="267">
        <v>129</v>
      </c>
      <c r="K27" s="265">
        <v>343</v>
      </c>
      <c r="L27" s="258">
        <v>177</v>
      </c>
      <c r="M27" s="246">
        <v>15</v>
      </c>
      <c r="N27" s="268">
        <v>-166</v>
      </c>
      <c r="O27" s="246">
        <v>1857</v>
      </c>
      <c r="P27" s="269">
        <v>1355</v>
      </c>
      <c r="Q27" s="246">
        <v>21</v>
      </c>
      <c r="R27" s="270">
        <v>-502</v>
      </c>
      <c r="S27" s="271">
        <v>0</v>
      </c>
      <c r="T27" s="254">
        <v>0</v>
      </c>
      <c r="U27" s="253">
        <v>2</v>
      </c>
      <c r="V27" s="254">
        <v>0</v>
      </c>
      <c r="W27" s="272">
        <v>2</v>
      </c>
    </row>
    <row r="28" spans="1:23" s="256" customFormat="1" ht="12.15" customHeight="1" x14ac:dyDescent="0.2">
      <c r="A28" s="242">
        <v>22</v>
      </c>
      <c r="B28" s="273" t="s">
        <v>207</v>
      </c>
      <c r="C28" s="244">
        <v>1038</v>
      </c>
      <c r="D28" s="245">
        <v>28</v>
      </c>
      <c r="E28" s="246">
        <v>32</v>
      </c>
      <c r="F28" s="267">
        <v>-1010</v>
      </c>
      <c r="G28" s="244">
        <v>485</v>
      </c>
      <c r="H28" s="248">
        <v>252</v>
      </c>
      <c r="I28" s="246">
        <v>25</v>
      </c>
      <c r="J28" s="267">
        <v>-233</v>
      </c>
      <c r="K28" s="249">
        <v>320</v>
      </c>
      <c r="L28" s="258">
        <v>33</v>
      </c>
      <c r="M28" s="246">
        <v>23</v>
      </c>
      <c r="N28" s="267">
        <v>-287</v>
      </c>
      <c r="O28" s="269">
        <v>1843</v>
      </c>
      <c r="P28" s="269">
        <v>313</v>
      </c>
      <c r="Q28" s="246">
        <v>32</v>
      </c>
      <c r="R28" s="270">
        <v>-1530</v>
      </c>
      <c r="S28" s="253">
        <v>0</v>
      </c>
      <c r="T28" s="254">
        <v>0</v>
      </c>
      <c r="U28" s="253">
        <v>0</v>
      </c>
      <c r="V28" s="254">
        <v>0</v>
      </c>
      <c r="W28" s="272">
        <v>2</v>
      </c>
    </row>
    <row r="29" spans="1:23" s="256" customFormat="1" ht="12.15" customHeight="1" x14ac:dyDescent="0.2">
      <c r="A29" s="242">
        <v>23</v>
      </c>
      <c r="B29" s="243" t="s">
        <v>208</v>
      </c>
      <c r="C29" s="244">
        <v>638</v>
      </c>
      <c r="D29" s="245">
        <v>408</v>
      </c>
      <c r="E29" s="257">
        <v>26</v>
      </c>
      <c r="F29" s="247">
        <v>-230</v>
      </c>
      <c r="G29" s="244">
        <v>835</v>
      </c>
      <c r="H29" s="248">
        <v>467</v>
      </c>
      <c r="I29" s="257">
        <v>12</v>
      </c>
      <c r="J29" s="247">
        <v>-368</v>
      </c>
      <c r="K29" s="249">
        <v>349</v>
      </c>
      <c r="L29" s="258">
        <v>379</v>
      </c>
      <c r="M29" s="257">
        <v>10</v>
      </c>
      <c r="N29" s="247">
        <v>30</v>
      </c>
      <c r="O29" s="251">
        <v>1822</v>
      </c>
      <c r="P29" s="251">
        <v>1254</v>
      </c>
      <c r="Q29" s="257">
        <v>23</v>
      </c>
      <c r="R29" s="252">
        <v>-568</v>
      </c>
      <c r="S29" s="253">
        <v>0</v>
      </c>
      <c r="T29" s="254">
        <v>0</v>
      </c>
      <c r="U29" s="253">
        <v>0</v>
      </c>
      <c r="V29" s="254">
        <v>0</v>
      </c>
      <c r="W29" s="255">
        <v>1</v>
      </c>
    </row>
    <row r="30" spans="1:23" s="256" customFormat="1" ht="12.15" customHeight="1" x14ac:dyDescent="0.2">
      <c r="A30" s="242">
        <v>24</v>
      </c>
      <c r="B30" s="243" t="s">
        <v>209</v>
      </c>
      <c r="C30" s="244">
        <v>1457</v>
      </c>
      <c r="D30" s="245">
        <v>762</v>
      </c>
      <c r="E30" s="257">
        <v>21</v>
      </c>
      <c r="F30" s="247">
        <v>-695</v>
      </c>
      <c r="G30" s="244">
        <v>424</v>
      </c>
      <c r="H30" s="248">
        <v>111</v>
      </c>
      <c r="I30" s="257">
        <v>31</v>
      </c>
      <c r="J30" s="247">
        <v>-313</v>
      </c>
      <c r="K30" s="249">
        <v>15</v>
      </c>
      <c r="L30" s="258">
        <v>2719</v>
      </c>
      <c r="M30" s="257">
        <v>2</v>
      </c>
      <c r="N30" s="247">
        <v>2704</v>
      </c>
      <c r="O30" s="251">
        <v>1896</v>
      </c>
      <c r="P30" s="251">
        <v>3592</v>
      </c>
      <c r="Q30" s="257">
        <v>4</v>
      </c>
      <c r="R30" s="252">
        <v>1696</v>
      </c>
      <c r="S30" s="253">
        <v>0</v>
      </c>
      <c r="T30" s="254">
        <v>0</v>
      </c>
      <c r="U30" s="253">
        <v>1</v>
      </c>
      <c r="V30" s="254">
        <v>0</v>
      </c>
      <c r="W30" s="255">
        <v>1</v>
      </c>
    </row>
    <row r="31" spans="1:23" s="256" customFormat="1" ht="12.15" customHeight="1" x14ac:dyDescent="0.2">
      <c r="A31" s="242">
        <v>25</v>
      </c>
      <c r="B31" s="243" t="s">
        <v>210</v>
      </c>
      <c r="C31" s="244">
        <v>0</v>
      </c>
      <c r="D31" s="245">
        <v>82</v>
      </c>
      <c r="E31" s="257">
        <v>31</v>
      </c>
      <c r="F31" s="247">
        <v>82</v>
      </c>
      <c r="G31" s="244">
        <v>283</v>
      </c>
      <c r="H31" s="248">
        <v>258</v>
      </c>
      <c r="I31" s="257">
        <v>24</v>
      </c>
      <c r="J31" s="247">
        <v>-25</v>
      </c>
      <c r="K31" s="249">
        <v>3</v>
      </c>
      <c r="L31" s="258">
        <v>0</v>
      </c>
      <c r="M31" s="257">
        <v>27</v>
      </c>
      <c r="N31" s="247">
        <v>-3</v>
      </c>
      <c r="O31" s="251">
        <v>286</v>
      </c>
      <c r="P31" s="251">
        <v>340</v>
      </c>
      <c r="Q31" s="257">
        <v>31</v>
      </c>
      <c r="R31" s="252">
        <v>54</v>
      </c>
      <c r="S31" s="253">
        <v>0</v>
      </c>
      <c r="T31" s="254">
        <v>1</v>
      </c>
      <c r="U31" s="253">
        <v>1</v>
      </c>
      <c r="V31" s="254">
        <v>0</v>
      </c>
      <c r="W31" s="255">
        <v>3</v>
      </c>
    </row>
    <row r="32" spans="1:23" s="256" customFormat="1" ht="12.15" customHeight="1" x14ac:dyDescent="0.2">
      <c r="A32" s="242">
        <v>26</v>
      </c>
      <c r="B32" s="243" t="s">
        <v>211</v>
      </c>
      <c r="C32" s="244">
        <v>944</v>
      </c>
      <c r="D32" s="245">
        <v>911</v>
      </c>
      <c r="E32" s="257">
        <v>15</v>
      </c>
      <c r="F32" s="247">
        <v>-33</v>
      </c>
      <c r="G32" s="244">
        <v>1272</v>
      </c>
      <c r="H32" s="248">
        <v>153</v>
      </c>
      <c r="I32" s="257">
        <v>29</v>
      </c>
      <c r="J32" s="247">
        <v>-1119</v>
      </c>
      <c r="K32" s="249">
        <v>1090</v>
      </c>
      <c r="L32" s="258">
        <v>0</v>
      </c>
      <c r="M32" s="257">
        <v>27</v>
      </c>
      <c r="N32" s="247">
        <v>-1090</v>
      </c>
      <c r="O32" s="251">
        <v>3306</v>
      </c>
      <c r="P32" s="251">
        <v>1064</v>
      </c>
      <c r="Q32" s="257">
        <v>26</v>
      </c>
      <c r="R32" s="252">
        <v>-2242</v>
      </c>
      <c r="S32" s="253">
        <v>0</v>
      </c>
      <c r="T32" s="254">
        <v>1</v>
      </c>
      <c r="U32" s="253">
        <v>2</v>
      </c>
      <c r="V32" s="254">
        <v>0</v>
      </c>
      <c r="W32" s="255">
        <v>3</v>
      </c>
    </row>
    <row r="33" spans="1:23" s="256" customFormat="1" ht="12.15" customHeight="1" x14ac:dyDescent="0.2">
      <c r="A33" s="242">
        <v>27</v>
      </c>
      <c r="B33" s="243" t="s">
        <v>212</v>
      </c>
      <c r="C33" s="244">
        <v>1954</v>
      </c>
      <c r="D33" s="245">
        <v>574</v>
      </c>
      <c r="E33" s="257">
        <v>23</v>
      </c>
      <c r="F33" s="247">
        <v>-1380</v>
      </c>
      <c r="G33" s="244">
        <v>335</v>
      </c>
      <c r="H33" s="248">
        <v>80</v>
      </c>
      <c r="I33" s="257">
        <v>33</v>
      </c>
      <c r="J33" s="247">
        <v>-255</v>
      </c>
      <c r="K33" s="249">
        <v>0</v>
      </c>
      <c r="L33" s="258">
        <v>0</v>
      </c>
      <c r="M33" s="257">
        <v>27</v>
      </c>
      <c r="N33" s="247">
        <v>0</v>
      </c>
      <c r="O33" s="251">
        <v>2289</v>
      </c>
      <c r="P33" s="251">
        <v>654</v>
      </c>
      <c r="Q33" s="257">
        <v>28</v>
      </c>
      <c r="R33" s="252">
        <v>-1635</v>
      </c>
      <c r="S33" s="253">
        <v>0</v>
      </c>
      <c r="T33" s="254">
        <v>1</v>
      </c>
      <c r="U33" s="253">
        <v>0</v>
      </c>
      <c r="V33" s="254">
        <v>1</v>
      </c>
      <c r="W33" s="255">
        <v>3</v>
      </c>
    </row>
    <row r="34" spans="1:23" s="256" customFormat="1" ht="12.15" customHeight="1" x14ac:dyDescent="0.2">
      <c r="A34" s="242">
        <v>28</v>
      </c>
      <c r="B34" s="243" t="s">
        <v>213</v>
      </c>
      <c r="C34" s="244">
        <v>1009</v>
      </c>
      <c r="D34" s="245">
        <v>1247</v>
      </c>
      <c r="E34" s="257">
        <v>7</v>
      </c>
      <c r="F34" s="247">
        <v>238</v>
      </c>
      <c r="G34" s="244">
        <v>1307</v>
      </c>
      <c r="H34" s="248">
        <v>2204</v>
      </c>
      <c r="I34" s="257">
        <v>1</v>
      </c>
      <c r="J34" s="247">
        <v>897</v>
      </c>
      <c r="K34" s="249">
        <v>35</v>
      </c>
      <c r="L34" s="258">
        <v>48</v>
      </c>
      <c r="M34" s="257">
        <v>22</v>
      </c>
      <c r="N34" s="247">
        <v>13</v>
      </c>
      <c r="O34" s="251">
        <v>2351</v>
      </c>
      <c r="P34" s="251">
        <v>3499</v>
      </c>
      <c r="Q34" s="257">
        <v>5</v>
      </c>
      <c r="R34" s="252">
        <v>1148</v>
      </c>
      <c r="S34" s="253">
        <v>0</v>
      </c>
      <c r="T34" s="254">
        <v>0</v>
      </c>
      <c r="U34" s="253">
        <v>1</v>
      </c>
      <c r="V34" s="254">
        <v>0</v>
      </c>
      <c r="W34" s="255">
        <v>3</v>
      </c>
    </row>
    <row r="35" spans="1:23" s="256" customFormat="1" ht="12.15" customHeight="1" x14ac:dyDescent="0.2">
      <c r="A35" s="242">
        <v>29</v>
      </c>
      <c r="B35" s="243" t="s">
        <v>214</v>
      </c>
      <c r="C35" s="244">
        <v>2849</v>
      </c>
      <c r="D35" s="245">
        <v>4384</v>
      </c>
      <c r="E35" s="257">
        <v>2</v>
      </c>
      <c r="F35" s="247">
        <v>1535</v>
      </c>
      <c r="G35" s="244">
        <v>277</v>
      </c>
      <c r="H35" s="248">
        <v>548</v>
      </c>
      <c r="I35" s="257">
        <v>9</v>
      </c>
      <c r="J35" s="247">
        <v>271</v>
      </c>
      <c r="K35" s="249">
        <v>154</v>
      </c>
      <c r="L35" s="258">
        <v>19</v>
      </c>
      <c r="M35" s="257">
        <v>24</v>
      </c>
      <c r="N35" s="247">
        <v>-135</v>
      </c>
      <c r="O35" s="251">
        <v>3280</v>
      </c>
      <c r="P35" s="251">
        <v>4951</v>
      </c>
      <c r="Q35" s="257">
        <v>3</v>
      </c>
      <c r="R35" s="252">
        <v>1671</v>
      </c>
      <c r="S35" s="253">
        <v>0</v>
      </c>
      <c r="T35" s="254">
        <v>0</v>
      </c>
      <c r="U35" s="253">
        <v>0</v>
      </c>
      <c r="V35" s="254">
        <v>0</v>
      </c>
      <c r="W35" s="255">
        <v>1</v>
      </c>
    </row>
    <row r="36" spans="1:23" s="256" customFormat="1" ht="12.15" customHeight="1" x14ac:dyDescent="0.2">
      <c r="A36" s="242">
        <v>30</v>
      </c>
      <c r="B36" s="243" t="s">
        <v>215</v>
      </c>
      <c r="C36" s="244">
        <v>345</v>
      </c>
      <c r="D36" s="245">
        <v>436</v>
      </c>
      <c r="E36" s="257">
        <v>25</v>
      </c>
      <c r="F36" s="247">
        <v>91</v>
      </c>
      <c r="G36" s="244">
        <v>309</v>
      </c>
      <c r="H36" s="248">
        <v>657</v>
      </c>
      <c r="I36" s="257">
        <v>5</v>
      </c>
      <c r="J36" s="247">
        <v>348</v>
      </c>
      <c r="K36" s="249">
        <v>33</v>
      </c>
      <c r="L36" s="258">
        <v>86</v>
      </c>
      <c r="M36" s="257">
        <v>20</v>
      </c>
      <c r="N36" s="247">
        <v>53</v>
      </c>
      <c r="O36" s="251">
        <v>687</v>
      </c>
      <c r="P36" s="251">
        <v>1179</v>
      </c>
      <c r="Q36" s="257">
        <v>25</v>
      </c>
      <c r="R36" s="252">
        <v>492</v>
      </c>
      <c r="S36" s="253">
        <v>0</v>
      </c>
      <c r="T36" s="254">
        <v>0</v>
      </c>
      <c r="U36" s="253">
        <v>1</v>
      </c>
      <c r="V36" s="254">
        <v>0</v>
      </c>
      <c r="W36" s="255">
        <v>3</v>
      </c>
    </row>
    <row r="37" spans="1:23" s="256" customFormat="1" ht="12.15" customHeight="1" x14ac:dyDescent="0.2">
      <c r="A37" s="242">
        <v>31</v>
      </c>
      <c r="B37" s="243" t="s">
        <v>216</v>
      </c>
      <c r="C37" s="244">
        <v>859</v>
      </c>
      <c r="D37" s="245">
        <v>865</v>
      </c>
      <c r="E37" s="257">
        <v>17</v>
      </c>
      <c r="F37" s="247">
        <v>6</v>
      </c>
      <c r="G37" s="244">
        <v>284</v>
      </c>
      <c r="H37" s="248">
        <v>447</v>
      </c>
      <c r="I37" s="257">
        <v>15</v>
      </c>
      <c r="J37" s="247">
        <v>163</v>
      </c>
      <c r="K37" s="249">
        <v>19</v>
      </c>
      <c r="L37" s="258">
        <v>8</v>
      </c>
      <c r="M37" s="257">
        <v>25</v>
      </c>
      <c r="N37" s="247">
        <v>-11</v>
      </c>
      <c r="O37" s="251">
        <v>1162</v>
      </c>
      <c r="P37" s="251">
        <v>1320</v>
      </c>
      <c r="Q37" s="257">
        <v>22</v>
      </c>
      <c r="R37" s="252">
        <v>158</v>
      </c>
      <c r="S37" s="253">
        <v>0</v>
      </c>
      <c r="T37" s="254">
        <v>0</v>
      </c>
      <c r="U37" s="253">
        <v>0</v>
      </c>
      <c r="V37" s="254">
        <v>0</v>
      </c>
      <c r="W37" s="255">
        <v>2</v>
      </c>
    </row>
    <row r="38" spans="1:23" s="256" customFormat="1" ht="12.15" customHeight="1" x14ac:dyDescent="0.2">
      <c r="A38" s="242">
        <v>32</v>
      </c>
      <c r="B38" s="243" t="s">
        <v>217</v>
      </c>
      <c r="C38" s="244">
        <v>255</v>
      </c>
      <c r="D38" s="245">
        <v>134</v>
      </c>
      <c r="E38" s="257">
        <v>30</v>
      </c>
      <c r="F38" s="247">
        <v>-121</v>
      </c>
      <c r="G38" s="244">
        <v>320</v>
      </c>
      <c r="H38" s="248">
        <v>216</v>
      </c>
      <c r="I38" s="257">
        <v>27</v>
      </c>
      <c r="J38" s="247">
        <v>-104</v>
      </c>
      <c r="K38" s="249">
        <v>719</v>
      </c>
      <c r="L38" s="258">
        <v>4779</v>
      </c>
      <c r="M38" s="257">
        <v>1</v>
      </c>
      <c r="N38" s="247">
        <v>4060</v>
      </c>
      <c r="O38" s="251">
        <v>1294</v>
      </c>
      <c r="P38" s="251">
        <v>5129</v>
      </c>
      <c r="Q38" s="257">
        <v>2</v>
      </c>
      <c r="R38" s="252">
        <v>3835</v>
      </c>
      <c r="S38" s="253">
        <v>0</v>
      </c>
      <c r="T38" s="254">
        <v>0</v>
      </c>
      <c r="U38" s="253">
        <v>0</v>
      </c>
      <c r="V38" s="254">
        <v>0</v>
      </c>
      <c r="W38" s="255">
        <v>1</v>
      </c>
    </row>
    <row r="39" spans="1:23" s="256" customFormat="1" ht="12.15" customHeight="1" thickBot="1" x14ac:dyDescent="0.25">
      <c r="A39" s="274">
        <v>33</v>
      </c>
      <c r="B39" s="243" t="s">
        <v>218</v>
      </c>
      <c r="C39" s="275">
        <v>134</v>
      </c>
      <c r="D39" s="276">
        <v>0</v>
      </c>
      <c r="E39" s="257">
        <v>33</v>
      </c>
      <c r="F39" s="247">
        <v>-134</v>
      </c>
      <c r="G39" s="275">
        <v>112</v>
      </c>
      <c r="H39" s="277">
        <v>161</v>
      </c>
      <c r="I39" s="257">
        <v>28</v>
      </c>
      <c r="J39" s="247">
        <v>49</v>
      </c>
      <c r="K39" s="278">
        <v>0</v>
      </c>
      <c r="L39" s="279">
        <v>0</v>
      </c>
      <c r="M39" s="257">
        <v>27</v>
      </c>
      <c r="N39" s="247">
        <v>0</v>
      </c>
      <c r="O39" s="280">
        <v>246</v>
      </c>
      <c r="P39" s="251">
        <v>161</v>
      </c>
      <c r="Q39" s="257">
        <v>33</v>
      </c>
      <c r="R39" s="252">
        <v>-85</v>
      </c>
      <c r="S39" s="253">
        <v>0</v>
      </c>
      <c r="T39" s="254">
        <v>0</v>
      </c>
      <c r="U39" s="253">
        <v>0</v>
      </c>
      <c r="V39" s="254">
        <v>0</v>
      </c>
      <c r="W39" s="255">
        <v>1</v>
      </c>
    </row>
    <row r="40" spans="1:23" s="256" customFormat="1" ht="12.15" customHeight="1" thickTop="1" x14ac:dyDescent="0.2">
      <c r="A40" s="242">
        <v>301</v>
      </c>
      <c r="B40" s="281" t="s">
        <v>219</v>
      </c>
      <c r="C40" s="244">
        <v>990</v>
      </c>
      <c r="D40" s="260">
        <v>714</v>
      </c>
      <c r="E40" s="282">
        <v>2</v>
      </c>
      <c r="F40" s="283">
        <v>-276</v>
      </c>
      <c r="G40" s="244">
        <v>649</v>
      </c>
      <c r="H40" s="261">
        <v>184</v>
      </c>
      <c r="I40" s="282">
        <v>6</v>
      </c>
      <c r="J40" s="283">
        <v>-465</v>
      </c>
      <c r="K40" s="249">
        <v>181</v>
      </c>
      <c r="L40" s="250">
        <v>106</v>
      </c>
      <c r="M40" s="282">
        <v>5</v>
      </c>
      <c r="N40" s="283">
        <v>-75</v>
      </c>
      <c r="O40" s="251">
        <v>1820</v>
      </c>
      <c r="P40" s="284">
        <v>1004</v>
      </c>
      <c r="Q40" s="282">
        <v>4</v>
      </c>
      <c r="R40" s="285">
        <v>-816</v>
      </c>
      <c r="S40" s="286">
        <v>0</v>
      </c>
      <c r="T40" s="287">
        <v>0</v>
      </c>
      <c r="U40" s="286">
        <v>0</v>
      </c>
      <c r="V40" s="287">
        <v>0</v>
      </c>
      <c r="W40" s="288">
        <v>3</v>
      </c>
    </row>
    <row r="41" spans="1:23" s="256" customFormat="1" ht="12.15" customHeight="1" x14ac:dyDescent="0.2">
      <c r="A41" s="242">
        <v>302</v>
      </c>
      <c r="B41" s="289" t="s">
        <v>220</v>
      </c>
      <c r="C41" s="244">
        <v>235</v>
      </c>
      <c r="D41" s="245">
        <v>262</v>
      </c>
      <c r="E41" s="257">
        <v>4</v>
      </c>
      <c r="F41" s="247">
        <v>27</v>
      </c>
      <c r="G41" s="244">
        <v>404</v>
      </c>
      <c r="H41" s="248">
        <v>391</v>
      </c>
      <c r="I41" s="257">
        <v>4</v>
      </c>
      <c r="J41" s="247">
        <v>-13</v>
      </c>
      <c r="K41" s="249">
        <v>276</v>
      </c>
      <c r="L41" s="258">
        <v>56</v>
      </c>
      <c r="M41" s="257">
        <v>6</v>
      </c>
      <c r="N41" s="247">
        <v>-220</v>
      </c>
      <c r="O41" s="251">
        <v>915</v>
      </c>
      <c r="P41" s="251">
        <v>709</v>
      </c>
      <c r="Q41" s="257">
        <v>6</v>
      </c>
      <c r="R41" s="252">
        <v>-206</v>
      </c>
      <c r="S41" s="253">
        <v>0</v>
      </c>
      <c r="T41" s="254">
        <v>2</v>
      </c>
      <c r="U41" s="253">
        <v>0</v>
      </c>
      <c r="V41" s="254">
        <v>0</v>
      </c>
      <c r="W41" s="255">
        <v>2</v>
      </c>
    </row>
    <row r="42" spans="1:23" s="256" customFormat="1" ht="12.15" customHeight="1" x14ac:dyDescent="0.2">
      <c r="A42" s="242">
        <v>303</v>
      </c>
      <c r="B42" s="289" t="s">
        <v>221</v>
      </c>
      <c r="C42" s="244">
        <v>1158</v>
      </c>
      <c r="D42" s="245">
        <v>743</v>
      </c>
      <c r="E42" s="257">
        <v>1</v>
      </c>
      <c r="F42" s="247">
        <v>-415</v>
      </c>
      <c r="G42" s="244">
        <v>543</v>
      </c>
      <c r="H42" s="248">
        <v>534</v>
      </c>
      <c r="I42" s="257">
        <v>2</v>
      </c>
      <c r="J42" s="247">
        <v>-9</v>
      </c>
      <c r="K42" s="249">
        <v>588</v>
      </c>
      <c r="L42" s="258">
        <v>416</v>
      </c>
      <c r="M42" s="257">
        <v>2</v>
      </c>
      <c r="N42" s="247">
        <v>-172</v>
      </c>
      <c r="O42" s="251">
        <v>2289</v>
      </c>
      <c r="P42" s="251">
        <v>1693</v>
      </c>
      <c r="Q42" s="257">
        <v>1</v>
      </c>
      <c r="R42" s="252">
        <v>-596</v>
      </c>
      <c r="S42" s="253">
        <v>0</v>
      </c>
      <c r="T42" s="254">
        <v>2</v>
      </c>
      <c r="U42" s="253">
        <v>0</v>
      </c>
      <c r="V42" s="254">
        <v>1</v>
      </c>
      <c r="W42" s="255">
        <v>1</v>
      </c>
    </row>
    <row r="43" spans="1:23" s="256" customFormat="1" ht="12.15" customHeight="1" x14ac:dyDescent="0.2">
      <c r="A43" s="242">
        <v>304</v>
      </c>
      <c r="B43" s="289" t="s">
        <v>222</v>
      </c>
      <c r="C43" s="244">
        <v>619</v>
      </c>
      <c r="D43" s="245">
        <v>163</v>
      </c>
      <c r="E43" s="257">
        <v>6</v>
      </c>
      <c r="F43" s="247">
        <v>-456</v>
      </c>
      <c r="G43" s="244">
        <v>395</v>
      </c>
      <c r="H43" s="248">
        <v>462</v>
      </c>
      <c r="I43" s="257">
        <v>3</v>
      </c>
      <c r="J43" s="247">
        <v>67</v>
      </c>
      <c r="K43" s="249">
        <v>196</v>
      </c>
      <c r="L43" s="258">
        <v>123</v>
      </c>
      <c r="M43" s="257">
        <v>4</v>
      </c>
      <c r="N43" s="247">
        <v>-73</v>
      </c>
      <c r="O43" s="251">
        <v>1210</v>
      </c>
      <c r="P43" s="251">
        <v>748</v>
      </c>
      <c r="Q43" s="257">
        <v>5</v>
      </c>
      <c r="R43" s="252">
        <v>-462</v>
      </c>
      <c r="S43" s="253">
        <v>1</v>
      </c>
      <c r="T43" s="254">
        <v>0</v>
      </c>
      <c r="U43" s="253">
        <v>0</v>
      </c>
      <c r="V43" s="254">
        <v>0</v>
      </c>
      <c r="W43" s="255">
        <v>1</v>
      </c>
    </row>
    <row r="44" spans="1:23" s="256" customFormat="1" ht="12.15" customHeight="1" x14ac:dyDescent="0.2">
      <c r="A44" s="242">
        <v>305</v>
      </c>
      <c r="B44" s="289" t="s">
        <v>223</v>
      </c>
      <c r="C44" s="244">
        <v>187</v>
      </c>
      <c r="D44" s="245">
        <v>212</v>
      </c>
      <c r="E44" s="257">
        <v>5</v>
      </c>
      <c r="F44" s="247">
        <v>25</v>
      </c>
      <c r="G44" s="244">
        <v>311</v>
      </c>
      <c r="H44" s="248">
        <v>546</v>
      </c>
      <c r="I44" s="257">
        <v>1</v>
      </c>
      <c r="J44" s="247">
        <v>235</v>
      </c>
      <c r="K44" s="249">
        <v>653</v>
      </c>
      <c r="L44" s="258">
        <v>912</v>
      </c>
      <c r="M44" s="257">
        <v>1</v>
      </c>
      <c r="N44" s="247">
        <v>259</v>
      </c>
      <c r="O44" s="251">
        <v>1151</v>
      </c>
      <c r="P44" s="251">
        <v>1670</v>
      </c>
      <c r="Q44" s="257">
        <v>2</v>
      </c>
      <c r="R44" s="252">
        <v>519</v>
      </c>
      <c r="S44" s="253">
        <v>3</v>
      </c>
      <c r="T44" s="254">
        <v>0</v>
      </c>
      <c r="U44" s="253">
        <v>0</v>
      </c>
      <c r="V44" s="254">
        <v>0</v>
      </c>
      <c r="W44" s="255">
        <v>3</v>
      </c>
    </row>
    <row r="45" spans="1:23" s="256" customFormat="1" ht="12.15" customHeight="1" thickBot="1" x14ac:dyDescent="0.25">
      <c r="A45" s="274">
        <v>306</v>
      </c>
      <c r="B45" s="290" t="s">
        <v>224</v>
      </c>
      <c r="C45" s="244">
        <v>469</v>
      </c>
      <c r="D45" s="245">
        <v>427</v>
      </c>
      <c r="E45" s="291">
        <v>3</v>
      </c>
      <c r="F45" s="292">
        <v>-42</v>
      </c>
      <c r="G45" s="244">
        <v>412</v>
      </c>
      <c r="H45" s="248">
        <v>323</v>
      </c>
      <c r="I45" s="291">
        <v>5</v>
      </c>
      <c r="J45" s="292">
        <v>-89</v>
      </c>
      <c r="K45" s="249">
        <v>282</v>
      </c>
      <c r="L45" s="258">
        <v>287</v>
      </c>
      <c r="M45" s="291">
        <v>3</v>
      </c>
      <c r="N45" s="292">
        <v>5</v>
      </c>
      <c r="O45" s="280">
        <v>1163</v>
      </c>
      <c r="P45" s="293">
        <v>1037</v>
      </c>
      <c r="Q45" s="291">
        <v>3</v>
      </c>
      <c r="R45" s="294">
        <v>-126</v>
      </c>
      <c r="S45" s="295">
        <v>3</v>
      </c>
      <c r="T45" s="296">
        <v>3</v>
      </c>
      <c r="U45" s="297">
        <v>0</v>
      </c>
      <c r="V45" s="296">
        <v>0</v>
      </c>
      <c r="W45" s="298">
        <v>2</v>
      </c>
    </row>
    <row r="46" spans="1:23" s="313" customFormat="1" ht="15.75" customHeight="1" thickTop="1" thickBot="1" x14ac:dyDescent="0.25">
      <c r="A46" s="450" t="s">
        <v>225</v>
      </c>
      <c r="B46" s="451"/>
      <c r="C46" s="299">
        <v>984</v>
      </c>
      <c r="D46" s="300">
        <v>991</v>
      </c>
      <c r="E46" s="301"/>
      <c r="F46" s="302">
        <v>7</v>
      </c>
      <c r="G46" s="299">
        <v>417</v>
      </c>
      <c r="H46" s="300">
        <v>453</v>
      </c>
      <c r="I46" s="301"/>
      <c r="J46" s="302">
        <v>36</v>
      </c>
      <c r="K46" s="303">
        <v>512</v>
      </c>
      <c r="L46" s="304">
        <v>558</v>
      </c>
      <c r="M46" s="305"/>
      <c r="N46" s="306">
        <v>46</v>
      </c>
      <c r="O46" s="307">
        <v>1913</v>
      </c>
      <c r="P46" s="304">
        <v>2002</v>
      </c>
      <c r="Q46" s="301"/>
      <c r="R46" s="308">
        <v>89</v>
      </c>
      <c r="S46" s="309" t="s">
        <v>226</v>
      </c>
      <c r="T46" s="310" t="s">
        <v>140</v>
      </c>
      <c r="U46" s="311" t="s">
        <v>140</v>
      </c>
      <c r="V46" s="310" t="s">
        <v>140</v>
      </c>
      <c r="W46" s="312" t="s">
        <v>140</v>
      </c>
    </row>
    <row r="47" spans="1:23" s="313" customFormat="1" ht="15.75" customHeight="1" thickTop="1" thickBot="1" x14ac:dyDescent="0.25">
      <c r="A47" s="450" t="s">
        <v>141</v>
      </c>
      <c r="B47" s="451"/>
      <c r="C47" s="314">
        <v>555</v>
      </c>
      <c r="D47" s="314">
        <v>447</v>
      </c>
      <c r="E47" s="315"/>
      <c r="F47" s="316">
        <v>-108</v>
      </c>
      <c r="G47" s="314">
        <v>442</v>
      </c>
      <c r="H47" s="317">
        <v>357</v>
      </c>
      <c r="I47" s="315"/>
      <c r="J47" s="316">
        <v>-85</v>
      </c>
      <c r="K47" s="318">
        <v>325</v>
      </c>
      <c r="L47" s="319">
        <v>287</v>
      </c>
      <c r="M47" s="315"/>
      <c r="N47" s="320">
        <v>-38</v>
      </c>
      <c r="O47" s="307">
        <v>1322</v>
      </c>
      <c r="P47" s="319">
        <v>1091</v>
      </c>
      <c r="Q47" s="315"/>
      <c r="R47" s="321">
        <v>-231</v>
      </c>
      <c r="S47" s="322" t="s">
        <v>140</v>
      </c>
      <c r="T47" s="323" t="s">
        <v>140</v>
      </c>
      <c r="U47" s="324" t="s">
        <v>140</v>
      </c>
      <c r="V47" s="323" t="s">
        <v>140</v>
      </c>
      <c r="W47" s="325" t="s">
        <v>140</v>
      </c>
    </row>
    <row r="48" spans="1:23" s="313" customFormat="1" ht="15.75" customHeight="1" thickTop="1" thickBot="1" x14ac:dyDescent="0.25">
      <c r="A48" s="452" t="s">
        <v>107</v>
      </c>
      <c r="B48" s="453"/>
      <c r="C48" s="326">
        <v>955</v>
      </c>
      <c r="D48" s="327">
        <v>954</v>
      </c>
      <c r="E48" s="328"/>
      <c r="F48" s="329">
        <v>-1</v>
      </c>
      <c r="G48" s="330">
        <v>419</v>
      </c>
      <c r="H48" s="327">
        <v>447</v>
      </c>
      <c r="I48" s="328"/>
      <c r="J48" s="329">
        <v>28</v>
      </c>
      <c r="K48" s="331">
        <v>499</v>
      </c>
      <c r="L48" s="332">
        <v>539</v>
      </c>
      <c r="M48" s="328"/>
      <c r="N48" s="333">
        <v>40</v>
      </c>
      <c r="O48" s="332">
        <v>1873</v>
      </c>
      <c r="P48" s="332">
        <v>1940</v>
      </c>
      <c r="Q48" s="328"/>
      <c r="R48" s="334">
        <v>67</v>
      </c>
      <c r="S48" s="335" t="s">
        <v>140</v>
      </c>
      <c r="T48" s="336" t="s">
        <v>140</v>
      </c>
      <c r="U48" s="337" t="s">
        <v>140</v>
      </c>
      <c r="V48" s="338" t="s">
        <v>140</v>
      </c>
      <c r="W48" s="339" t="s">
        <v>140</v>
      </c>
    </row>
    <row r="49" spans="1:23" s="342" customFormat="1" ht="11.4" customHeight="1" x14ac:dyDescent="0.15">
      <c r="A49" s="340"/>
      <c r="B49" s="341"/>
      <c r="C49" s="340"/>
      <c r="D49" s="340"/>
      <c r="E49" s="340"/>
      <c r="F49" s="340"/>
      <c r="G49" s="340"/>
      <c r="H49" s="340"/>
      <c r="I49" s="340"/>
      <c r="J49" s="340"/>
      <c r="K49" s="340"/>
      <c r="L49" s="340"/>
      <c r="M49" s="340"/>
      <c r="N49" s="340"/>
      <c r="O49" s="340"/>
      <c r="P49" s="340"/>
      <c r="Q49" s="340"/>
      <c r="R49" s="340"/>
      <c r="S49" s="340"/>
      <c r="T49" s="340"/>
      <c r="U49" s="340"/>
      <c r="V49" s="340"/>
      <c r="W49" s="340"/>
    </row>
    <row r="50" spans="1:23" s="241" customFormat="1" x14ac:dyDescent="0.15">
      <c r="G50" s="343"/>
      <c r="H50" s="343"/>
      <c r="I50" s="342"/>
      <c r="J50" s="342"/>
      <c r="K50" s="343"/>
      <c r="L50" s="343"/>
      <c r="M50" s="342"/>
      <c r="N50" s="342"/>
      <c r="O50" s="343"/>
      <c r="P50" s="343"/>
      <c r="S50" s="343"/>
      <c r="T50" s="343"/>
      <c r="U50" s="343"/>
      <c r="V50" s="343"/>
      <c r="W50" s="343"/>
    </row>
    <row r="51" spans="1:23" ht="14.4" x14ac:dyDescent="0.2">
      <c r="C51" s="344"/>
      <c r="J51" s="342"/>
    </row>
  </sheetData>
  <mergeCells count="13">
    <mergeCell ref="A46:B46"/>
    <mergeCell ref="A47:B47"/>
    <mergeCell ref="A48:B48"/>
    <mergeCell ref="A1:N1"/>
    <mergeCell ref="A3:B6"/>
    <mergeCell ref="C3:J3"/>
    <mergeCell ref="K3:N4"/>
    <mergeCell ref="O3:R4"/>
    <mergeCell ref="S3:W4"/>
    <mergeCell ref="C4:F4"/>
    <mergeCell ref="G4:J4"/>
    <mergeCell ref="S5:T5"/>
    <mergeCell ref="U5:V5"/>
  </mergeCells>
  <phoneticPr fontId="2"/>
  <printOptions verticalCentered="1"/>
  <pageMargins left="0.6692913385826772" right="0" top="0.27559055118110237" bottom="0.27559055118110237" header="0.31496062992125984" footer="0.31496062992125984"/>
  <pageSetup paperSize="9" scale="90" orientation="landscape" blackAndWhite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給付 (1)～(4)</vt:lpstr>
      <vt:lpstr>給付（５）</vt:lpstr>
      <vt:lpstr>給付（６）</vt:lpstr>
      <vt:lpstr>給付（７）</vt:lpstr>
      <vt:lpstr>給付（８）</vt:lpstr>
      <vt:lpstr>給付（９）</vt:lpstr>
      <vt:lpstr>'給付 (1)～(4)'!Print_Area</vt:lpstr>
      <vt:lpstr>'給付（５）'!Print_Area</vt:lpstr>
      <vt:lpstr>'給付（６）'!Print_Area</vt:lpstr>
      <vt:lpstr>'給付（７）'!Print_Area</vt:lpstr>
      <vt:lpstr>'給付（８）'!Print_Area</vt:lpstr>
      <vt:lpstr>'給付（９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7:08:04Z</dcterms:created>
  <dcterms:modified xsi:type="dcterms:W3CDTF">2021-10-29T08:17:53Z</dcterms:modified>
</cp:coreProperties>
</file>